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59" r:id="rId50"/>
  </p:sldMasterIdLst>
  <p:notesMasterIdLst>
    <p:notesMasterId r:id="rId73"/>
  </p:notesMasterIdLst>
  <p:handoutMasterIdLst>
    <p:handoutMasterId r:id="rId74"/>
  </p:handoutMasterIdLst>
  <p:sldIdLst>
    <p:sldId id="257" r:id="rId51"/>
    <p:sldId id="284" r:id="rId52"/>
    <p:sldId id="280" r:id="rId53"/>
    <p:sldId id="286" r:id="rId54"/>
    <p:sldId id="287" r:id="rId55"/>
    <p:sldId id="288" r:id="rId56"/>
    <p:sldId id="275" r:id="rId57"/>
    <p:sldId id="289" r:id="rId58"/>
    <p:sldId id="292" r:id="rId59"/>
    <p:sldId id="291" r:id="rId60"/>
    <p:sldId id="263" r:id="rId61"/>
    <p:sldId id="265" r:id="rId62"/>
    <p:sldId id="264" r:id="rId63"/>
    <p:sldId id="266" r:id="rId64"/>
    <p:sldId id="267" r:id="rId65"/>
    <p:sldId id="268" r:id="rId66"/>
    <p:sldId id="269" r:id="rId67"/>
    <p:sldId id="270" r:id="rId68"/>
    <p:sldId id="271" r:id="rId69"/>
    <p:sldId id="285" r:id="rId70"/>
    <p:sldId id="272" r:id="rId71"/>
    <p:sldId id="273" r:id="rId7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9A557CCB-07EE-AD44-4E05-4EE3ECE06D8E}" name="Bass, Lisa" initials="BL" userId="S::Lisa.Bass@cpuc.ca.gov::8a59481d-43b8-47d0-9351-1da338195be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02E91"/>
    <a:srgbClr val="FFFFFF"/>
    <a:srgbClr val="44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44F45A4-7CA7-451C-B99D-1FA38CD503C2}" v="85" dt="2023-03-22T13:49:18.90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718"/>
  </p:normalViewPr>
  <p:slideViewPr>
    <p:cSldViewPr snapToGrid="0" snapToObjects="1">
      <p:cViewPr varScale="1">
        <p:scale>
          <a:sx n="110" d="100"/>
          <a:sy n="110" d="100"/>
        </p:scale>
        <p:origin x="492" y="108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napToObjects="1">
      <p:cViewPr varScale="1">
        <p:scale>
          <a:sx n="62" d="100"/>
          <a:sy n="62" d="100"/>
        </p:scale>
        <p:origin x="1891" y="77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13.xml"/><Relationship Id="rId68" Type="http://schemas.openxmlformats.org/officeDocument/2006/relationships/slide" Target="slides/slide18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" Target="slides/slide3.xml"/><Relationship Id="rId58" Type="http://schemas.openxmlformats.org/officeDocument/2006/relationships/slide" Target="slides/slide8.xml"/><Relationship Id="rId74" Type="http://schemas.openxmlformats.org/officeDocument/2006/relationships/handoutMaster" Target="handoutMasters/handoutMaster1.xml"/><Relationship Id="rId79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61" Type="http://schemas.openxmlformats.org/officeDocument/2006/relationships/slide" Target="slides/slide1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slide" Target="slides/slide6.xml"/><Relationship Id="rId64" Type="http://schemas.openxmlformats.org/officeDocument/2006/relationships/slide" Target="slides/slide14.xml"/><Relationship Id="rId69" Type="http://schemas.openxmlformats.org/officeDocument/2006/relationships/slide" Target="slides/slide19.xml"/><Relationship Id="rId77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slide" Target="slides/slide1.xml"/><Relationship Id="rId72" Type="http://schemas.openxmlformats.org/officeDocument/2006/relationships/slide" Target="slides/slide22.xml"/><Relationship Id="rId80" Type="http://schemas.microsoft.com/office/2015/10/relationships/revisionInfo" Target="revisionInfo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9.xml"/><Relationship Id="rId67" Type="http://schemas.openxmlformats.org/officeDocument/2006/relationships/slide" Target="slides/slide1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4.xml"/><Relationship Id="rId62" Type="http://schemas.openxmlformats.org/officeDocument/2006/relationships/slide" Target="slides/slide12.xml"/><Relationship Id="rId70" Type="http://schemas.openxmlformats.org/officeDocument/2006/relationships/slide" Target="slides/slide20.xml"/><Relationship Id="rId75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" Target="slides/slide2.xml"/><Relationship Id="rId60" Type="http://schemas.openxmlformats.org/officeDocument/2006/relationships/slide" Target="slides/slide10.xml"/><Relationship Id="rId65" Type="http://schemas.openxmlformats.org/officeDocument/2006/relationships/slide" Target="slides/slide15.xml"/><Relationship Id="rId73" Type="http://schemas.openxmlformats.org/officeDocument/2006/relationships/notesMaster" Target="notesMasters/notesMaster1.xml"/><Relationship Id="rId78" Type="http://schemas.openxmlformats.org/officeDocument/2006/relationships/tableStyles" Target="tableStyles.xml"/><Relationship Id="rId81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slideMaster" Target="slideMasters/slideMaster1.xml"/><Relationship Id="rId55" Type="http://schemas.openxmlformats.org/officeDocument/2006/relationships/slide" Target="slides/slide5.xml"/><Relationship Id="rId76" Type="http://schemas.openxmlformats.org/officeDocument/2006/relationships/viewProps" Target="viewProps.xml"/><Relationship Id="rId7" Type="http://schemas.openxmlformats.org/officeDocument/2006/relationships/customXml" Target="../customXml/item7.xml"/><Relationship Id="rId71" Type="http://schemas.openxmlformats.org/officeDocument/2006/relationships/slide" Target="slides/slide21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raettinger, James R" userId="a1950f07-3ad9-48eb-8a7a-55a8afe69a63" providerId="ADAL" clId="{644F45A4-7CA7-451C-B99D-1FA38CD503C2}"/>
    <pc:docChg chg="undo custSel addSld delSld modSld sldOrd">
      <pc:chgData name="Graettinger, James R" userId="a1950f07-3ad9-48eb-8a7a-55a8afe69a63" providerId="ADAL" clId="{644F45A4-7CA7-451C-B99D-1FA38CD503C2}" dt="2023-03-22T13:49:29.224" v="3437" actId="2696"/>
      <pc:docMkLst>
        <pc:docMk/>
      </pc:docMkLst>
      <pc:sldChg chg="modSp mod">
        <pc:chgData name="Graettinger, James R" userId="a1950f07-3ad9-48eb-8a7a-55a8afe69a63" providerId="ADAL" clId="{644F45A4-7CA7-451C-B99D-1FA38CD503C2}" dt="2023-03-22T12:23:39.709" v="2608"/>
        <pc:sldMkLst>
          <pc:docMk/>
          <pc:sldMk cId="283344194" sldId="257"/>
        </pc:sldMkLst>
        <pc:spChg chg="mod">
          <ac:chgData name="Graettinger, James R" userId="a1950f07-3ad9-48eb-8a7a-55a8afe69a63" providerId="ADAL" clId="{644F45A4-7CA7-451C-B99D-1FA38CD503C2}" dt="2023-03-22T12:23:39.709" v="2608"/>
          <ac:spMkLst>
            <pc:docMk/>
            <pc:sldMk cId="283344194" sldId="257"/>
            <ac:spMk id="2" creationId="{C16CCEEB-44BC-5A1B-093E-E875800E8770}"/>
          </ac:spMkLst>
        </pc:spChg>
        <pc:spChg chg="mod">
          <ac:chgData name="Graettinger, James R" userId="a1950f07-3ad9-48eb-8a7a-55a8afe69a63" providerId="ADAL" clId="{644F45A4-7CA7-451C-B99D-1FA38CD503C2}" dt="2023-03-21T14:15:09.955" v="30" actId="20577"/>
          <ac:spMkLst>
            <pc:docMk/>
            <pc:sldMk cId="283344194" sldId="257"/>
            <ac:spMk id="4" creationId="{07A78BA2-8743-4C64-8AF8-907A5F925590}"/>
          </ac:spMkLst>
        </pc:spChg>
      </pc:sldChg>
      <pc:sldChg chg="del">
        <pc:chgData name="Graettinger, James R" userId="a1950f07-3ad9-48eb-8a7a-55a8afe69a63" providerId="ADAL" clId="{644F45A4-7CA7-451C-B99D-1FA38CD503C2}" dt="2023-03-22T11:42:17.242" v="2441" actId="2696"/>
        <pc:sldMkLst>
          <pc:docMk/>
          <pc:sldMk cId="231467459" sldId="262"/>
        </pc:sldMkLst>
      </pc:sldChg>
      <pc:sldChg chg="modSp mod">
        <pc:chgData name="Graettinger, James R" userId="a1950f07-3ad9-48eb-8a7a-55a8afe69a63" providerId="ADAL" clId="{644F45A4-7CA7-451C-B99D-1FA38CD503C2}" dt="2023-03-22T13:35:39.819" v="2821" actId="255"/>
        <pc:sldMkLst>
          <pc:docMk/>
          <pc:sldMk cId="2189114264" sldId="263"/>
        </pc:sldMkLst>
        <pc:spChg chg="mod">
          <ac:chgData name="Graettinger, James R" userId="a1950f07-3ad9-48eb-8a7a-55a8afe69a63" providerId="ADAL" clId="{644F45A4-7CA7-451C-B99D-1FA38CD503C2}" dt="2023-03-22T11:44:00.575" v="2499" actId="20577"/>
          <ac:spMkLst>
            <pc:docMk/>
            <pc:sldMk cId="2189114264" sldId="263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644F45A4-7CA7-451C-B99D-1FA38CD503C2}" dt="2023-03-22T13:35:39.819" v="2821" actId="255"/>
          <ac:spMkLst>
            <pc:docMk/>
            <pc:sldMk cId="2189114264" sldId="263"/>
            <ac:spMk id="3" creationId="{1945B4F2-1782-17EF-CA1C-DF5D6D1BF0B2}"/>
          </ac:spMkLst>
        </pc:spChg>
      </pc:sldChg>
      <pc:sldChg chg="addSp delSp modSp mod modClrScheme chgLayout">
        <pc:chgData name="Graettinger, James R" userId="a1950f07-3ad9-48eb-8a7a-55a8afe69a63" providerId="ADAL" clId="{644F45A4-7CA7-451C-B99D-1FA38CD503C2}" dt="2023-03-22T12:23:39.709" v="2608"/>
        <pc:sldMkLst>
          <pc:docMk/>
          <pc:sldMk cId="3553107953" sldId="264"/>
        </pc:sldMkLst>
        <pc:spChg chg="mod">
          <ac:chgData name="Graettinger, James R" userId="a1950f07-3ad9-48eb-8a7a-55a8afe69a63" providerId="ADAL" clId="{644F45A4-7CA7-451C-B99D-1FA38CD503C2}" dt="2023-03-22T12:23:39.709" v="2608"/>
          <ac:spMkLst>
            <pc:docMk/>
            <pc:sldMk cId="3553107953" sldId="264"/>
            <ac:spMk id="2" creationId="{B5317B44-90A8-441B-E964-B0AD1A853D35}"/>
          </ac:spMkLst>
        </pc:spChg>
        <pc:graphicFrameChg chg="add del mod">
          <ac:chgData name="Graettinger, James R" userId="a1950f07-3ad9-48eb-8a7a-55a8afe69a63" providerId="ADAL" clId="{644F45A4-7CA7-451C-B99D-1FA38CD503C2}" dt="2023-03-22T12:11:33.555" v="2558" actId="478"/>
          <ac:graphicFrameMkLst>
            <pc:docMk/>
            <pc:sldMk cId="3553107953" sldId="264"/>
            <ac:graphicFrameMk id="3" creationId="{E3B48C45-80EC-5BCA-AA59-B569B3362AAC}"/>
          </ac:graphicFrameMkLst>
        </pc:graphicFrameChg>
        <pc:graphicFrameChg chg="add mod modGraphic">
          <ac:chgData name="Graettinger, James R" userId="a1950f07-3ad9-48eb-8a7a-55a8afe69a63" providerId="ADAL" clId="{644F45A4-7CA7-451C-B99D-1FA38CD503C2}" dt="2023-03-22T12:16:48.810" v="2571" actId="255"/>
          <ac:graphicFrameMkLst>
            <pc:docMk/>
            <pc:sldMk cId="3553107953" sldId="264"/>
            <ac:graphicFrameMk id="4" creationId="{71069FB9-F9A7-C41F-9141-CEB75D85A2E5}"/>
          </ac:graphicFrameMkLst>
        </pc:graphicFrameChg>
        <pc:graphicFrameChg chg="del">
          <ac:chgData name="Graettinger, James R" userId="a1950f07-3ad9-48eb-8a7a-55a8afe69a63" providerId="ADAL" clId="{644F45A4-7CA7-451C-B99D-1FA38CD503C2}" dt="2023-03-22T12:09:59.169" v="2555" actId="478"/>
          <ac:graphicFrameMkLst>
            <pc:docMk/>
            <pc:sldMk cId="3553107953" sldId="264"/>
            <ac:graphicFrameMk id="5" creationId="{43181832-1586-4988-8711-5C0C3570543D}"/>
          </ac:graphicFrameMkLst>
        </pc:graphicFrameChg>
      </pc:sldChg>
      <pc:sldChg chg="modSp mod">
        <pc:chgData name="Graettinger, James R" userId="a1950f07-3ad9-48eb-8a7a-55a8afe69a63" providerId="ADAL" clId="{644F45A4-7CA7-451C-B99D-1FA38CD503C2}" dt="2023-03-22T11:46:50.960" v="2554" actId="14100"/>
        <pc:sldMkLst>
          <pc:docMk/>
          <pc:sldMk cId="245314703" sldId="265"/>
        </pc:sldMkLst>
        <pc:spChg chg="mod">
          <ac:chgData name="Graettinger, James R" userId="a1950f07-3ad9-48eb-8a7a-55a8afe69a63" providerId="ADAL" clId="{644F45A4-7CA7-451C-B99D-1FA38CD503C2}" dt="2023-03-22T11:46:50.960" v="2554" actId="14100"/>
          <ac:spMkLst>
            <pc:docMk/>
            <pc:sldMk cId="245314703" sldId="265"/>
            <ac:spMk id="4" creationId="{31E48660-B14E-46A0-87A7-9A990EABC68C}"/>
          </ac:spMkLst>
        </pc:spChg>
        <pc:spChg chg="mod">
          <ac:chgData name="Graettinger, James R" userId="a1950f07-3ad9-48eb-8a7a-55a8afe69a63" providerId="ADAL" clId="{644F45A4-7CA7-451C-B99D-1FA38CD503C2}" dt="2023-03-22T11:46:38.625" v="2551" actId="14100"/>
          <ac:spMkLst>
            <pc:docMk/>
            <pc:sldMk cId="245314703" sldId="265"/>
            <ac:spMk id="5" creationId="{25E5A4C4-A42F-4009-AE71-B6A53DFA6492}"/>
          </ac:spMkLst>
        </pc:spChg>
      </pc:sldChg>
      <pc:sldChg chg="addSp delSp modSp mod modClrScheme chgLayout">
        <pc:chgData name="Graettinger, James R" userId="a1950f07-3ad9-48eb-8a7a-55a8afe69a63" providerId="ADAL" clId="{644F45A4-7CA7-451C-B99D-1FA38CD503C2}" dt="2023-03-22T12:23:39.709" v="2608"/>
        <pc:sldMkLst>
          <pc:docMk/>
          <pc:sldMk cId="698555507" sldId="266"/>
        </pc:sldMkLst>
        <pc:spChg chg="mod">
          <ac:chgData name="Graettinger, James R" userId="a1950f07-3ad9-48eb-8a7a-55a8afe69a63" providerId="ADAL" clId="{644F45A4-7CA7-451C-B99D-1FA38CD503C2}" dt="2023-03-22T12:23:39.709" v="2608"/>
          <ac:spMkLst>
            <pc:docMk/>
            <pc:sldMk cId="698555507" sldId="266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644F45A4-7CA7-451C-B99D-1FA38CD503C2}" dt="2023-03-22T12:16:23.848" v="2569" actId="1076"/>
          <ac:graphicFrameMkLst>
            <pc:docMk/>
            <pc:sldMk cId="698555507" sldId="266"/>
            <ac:graphicFrameMk id="3" creationId="{F90BC534-93B2-BA86-A701-EA7FCFD813AC}"/>
          </ac:graphicFrameMkLst>
        </pc:graphicFrameChg>
        <pc:graphicFrameChg chg="del modGraphic">
          <ac:chgData name="Graettinger, James R" userId="a1950f07-3ad9-48eb-8a7a-55a8afe69a63" providerId="ADAL" clId="{644F45A4-7CA7-451C-B99D-1FA38CD503C2}" dt="2023-03-22T12:12:29.340" v="2565" actId="478"/>
          <ac:graphicFrameMkLst>
            <pc:docMk/>
            <pc:sldMk cId="698555507" sldId="266"/>
            <ac:graphicFrameMk id="6" creationId="{29F93BC1-7F57-4337-BE69-DA0AA9A93589}"/>
          </ac:graphicFrameMkLst>
        </pc:graphicFrameChg>
      </pc:sldChg>
      <pc:sldChg chg="addSp delSp modSp mod">
        <pc:chgData name="Graettinger, James R" userId="a1950f07-3ad9-48eb-8a7a-55a8afe69a63" providerId="ADAL" clId="{644F45A4-7CA7-451C-B99D-1FA38CD503C2}" dt="2023-03-22T12:32:37.047" v="2627" actId="14100"/>
        <pc:sldMkLst>
          <pc:docMk/>
          <pc:sldMk cId="3974250819" sldId="267"/>
        </pc:sldMkLst>
        <pc:spChg chg="mod">
          <ac:chgData name="Graettinger, James R" userId="a1950f07-3ad9-48eb-8a7a-55a8afe69a63" providerId="ADAL" clId="{644F45A4-7CA7-451C-B99D-1FA38CD503C2}" dt="2023-03-22T12:20:55.846" v="2602" actId="20577"/>
          <ac:spMkLst>
            <pc:docMk/>
            <pc:sldMk cId="3974250819" sldId="267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644F45A4-7CA7-451C-B99D-1FA38CD503C2}" dt="2023-03-22T12:23:07.197" v="2603" actId="478"/>
          <ac:graphicFrameMkLst>
            <pc:docMk/>
            <pc:sldMk cId="3974250819" sldId="267"/>
            <ac:graphicFrameMk id="6" creationId="{B186404C-FBE4-4770-BA33-4691AA47C2A9}"/>
          </ac:graphicFrameMkLst>
        </pc:graphicFrameChg>
        <pc:graphicFrameChg chg="add mod modGraphic">
          <ac:chgData name="Graettinger, James R" userId="a1950f07-3ad9-48eb-8a7a-55a8afe69a63" providerId="ADAL" clId="{644F45A4-7CA7-451C-B99D-1FA38CD503C2}" dt="2023-03-22T12:32:37.047" v="2627" actId="14100"/>
          <ac:graphicFrameMkLst>
            <pc:docMk/>
            <pc:sldMk cId="3974250819" sldId="267"/>
            <ac:graphicFrameMk id="8" creationId="{B1C0444D-A0EE-3384-8F6F-50D280BEFF71}"/>
          </ac:graphicFrameMkLst>
        </pc:graphicFrameChg>
        <pc:graphicFrameChg chg="del modGraphic">
          <ac:chgData name="Graettinger, James R" userId="a1950f07-3ad9-48eb-8a7a-55a8afe69a63" providerId="ADAL" clId="{644F45A4-7CA7-451C-B99D-1FA38CD503C2}" dt="2023-03-22T12:31:27.037" v="2618" actId="478"/>
          <ac:graphicFrameMkLst>
            <pc:docMk/>
            <pc:sldMk cId="3974250819" sldId="267"/>
            <ac:graphicFrameMk id="9" creationId="{AB493012-5F6B-4076-BFD9-4D5072A3AAF3}"/>
          </ac:graphicFrameMkLst>
        </pc:graphicFrameChg>
        <pc:picChg chg="add del mod">
          <ac:chgData name="Graettinger, James R" userId="a1950f07-3ad9-48eb-8a7a-55a8afe69a63" providerId="ADAL" clId="{644F45A4-7CA7-451C-B99D-1FA38CD503C2}" dt="2023-03-22T12:25:51.974" v="2609" actId="478"/>
          <ac:picMkLst>
            <pc:docMk/>
            <pc:sldMk cId="3974250819" sldId="267"/>
            <ac:picMk id="4" creationId="{3A9690BB-A76D-4C60-747A-F3BB691C211C}"/>
          </ac:picMkLst>
        </pc:picChg>
        <pc:picChg chg="add mod">
          <ac:chgData name="Graettinger, James R" userId="a1950f07-3ad9-48eb-8a7a-55a8afe69a63" providerId="ADAL" clId="{644F45A4-7CA7-451C-B99D-1FA38CD503C2}" dt="2023-03-22T12:32:05.727" v="2623" actId="14100"/>
          <ac:picMkLst>
            <pc:docMk/>
            <pc:sldMk cId="3974250819" sldId="267"/>
            <ac:picMk id="7" creationId="{1EBFEE8D-81B4-454C-02C4-123D9018BE7B}"/>
          </ac:picMkLst>
        </pc:picChg>
      </pc:sldChg>
      <pc:sldChg chg="addSp delSp modSp mod modClrScheme chgLayout">
        <pc:chgData name="Graettinger, James R" userId="a1950f07-3ad9-48eb-8a7a-55a8afe69a63" providerId="ADAL" clId="{644F45A4-7CA7-451C-B99D-1FA38CD503C2}" dt="2023-03-22T13:11:26.335" v="2676" actId="255"/>
        <pc:sldMkLst>
          <pc:docMk/>
          <pc:sldMk cId="1139663799" sldId="268"/>
        </pc:sldMkLst>
        <pc:spChg chg="mod ord">
          <ac:chgData name="Graettinger, James R" userId="a1950f07-3ad9-48eb-8a7a-55a8afe69a63" providerId="ADAL" clId="{644F45A4-7CA7-451C-B99D-1FA38CD503C2}" dt="2023-03-22T13:11:26.335" v="2676" actId="255"/>
          <ac:spMkLst>
            <pc:docMk/>
            <pc:sldMk cId="1139663799" sldId="268"/>
            <ac:spMk id="2" creationId="{B5317B44-90A8-441B-E964-B0AD1A853D35}"/>
          </ac:spMkLst>
        </pc:spChg>
        <pc:spChg chg="add del mod">
          <ac:chgData name="Graettinger, James R" userId="a1950f07-3ad9-48eb-8a7a-55a8afe69a63" providerId="ADAL" clId="{644F45A4-7CA7-451C-B99D-1FA38CD503C2}" dt="2023-03-22T12:56:02.125" v="2652" actId="26606"/>
          <ac:spMkLst>
            <pc:docMk/>
            <pc:sldMk cId="1139663799" sldId="268"/>
            <ac:spMk id="12" creationId="{291A6D49-11EE-63CA-2382-6C0A3BD9F7CC}"/>
          </ac:spMkLst>
        </pc:spChg>
        <pc:graphicFrameChg chg="del">
          <ac:chgData name="Graettinger, James R" userId="a1950f07-3ad9-48eb-8a7a-55a8afe69a63" providerId="ADAL" clId="{644F45A4-7CA7-451C-B99D-1FA38CD503C2}" dt="2023-03-22T12:47:02.018" v="2630" actId="478"/>
          <ac:graphicFrameMkLst>
            <pc:docMk/>
            <pc:sldMk cId="1139663799" sldId="268"/>
            <ac:graphicFrameMk id="5" creationId="{6A7E22C0-9336-480C-9D99-4A551F224E7C}"/>
          </ac:graphicFrameMkLst>
        </pc:graphicFrameChg>
        <pc:picChg chg="add del mod">
          <ac:chgData name="Graettinger, James R" userId="a1950f07-3ad9-48eb-8a7a-55a8afe69a63" providerId="ADAL" clId="{644F45A4-7CA7-451C-B99D-1FA38CD503C2}" dt="2023-03-22T12:52:37.750" v="2641" actId="478"/>
          <ac:picMkLst>
            <pc:docMk/>
            <pc:sldMk cId="1139663799" sldId="268"/>
            <ac:picMk id="4" creationId="{8882EC68-1E88-BEF9-3979-5346332300B3}"/>
          </ac:picMkLst>
        </pc:picChg>
        <pc:picChg chg="add del mod">
          <ac:chgData name="Graettinger, James R" userId="a1950f07-3ad9-48eb-8a7a-55a8afe69a63" providerId="ADAL" clId="{644F45A4-7CA7-451C-B99D-1FA38CD503C2}" dt="2023-03-22T12:57:12.383" v="2656" actId="478"/>
          <ac:picMkLst>
            <pc:docMk/>
            <pc:sldMk cId="1139663799" sldId="268"/>
            <ac:picMk id="7" creationId="{3857F87B-BB86-15BE-CB90-2004CC4DC45D}"/>
          </ac:picMkLst>
        </pc:picChg>
        <pc:picChg chg="add del mod">
          <ac:chgData name="Graettinger, James R" userId="a1950f07-3ad9-48eb-8a7a-55a8afe69a63" providerId="ADAL" clId="{644F45A4-7CA7-451C-B99D-1FA38CD503C2}" dt="2023-03-22T12:58:22.881" v="2661" actId="478"/>
          <ac:picMkLst>
            <pc:docMk/>
            <pc:sldMk cId="1139663799" sldId="268"/>
            <ac:picMk id="9" creationId="{557D1651-3A89-F5C6-A28E-02449FE02B11}"/>
          </ac:picMkLst>
        </pc:picChg>
        <pc:picChg chg="add mod">
          <ac:chgData name="Graettinger, James R" userId="a1950f07-3ad9-48eb-8a7a-55a8afe69a63" providerId="ADAL" clId="{644F45A4-7CA7-451C-B99D-1FA38CD503C2}" dt="2023-03-22T13:05:16.962" v="2667" actId="26606"/>
          <ac:picMkLst>
            <pc:docMk/>
            <pc:sldMk cId="1139663799" sldId="268"/>
            <ac:picMk id="11" creationId="{5EAE1F45-515D-4EC9-C398-BAD3E2F6825A}"/>
          </ac:picMkLst>
        </pc:picChg>
      </pc:sldChg>
      <pc:sldChg chg="addSp delSp modSp mod modClrScheme chgLayout">
        <pc:chgData name="Graettinger, James R" userId="a1950f07-3ad9-48eb-8a7a-55a8afe69a63" providerId="ADAL" clId="{644F45A4-7CA7-451C-B99D-1FA38CD503C2}" dt="2023-03-22T13:11:09.006" v="2675" actId="255"/>
        <pc:sldMkLst>
          <pc:docMk/>
          <pc:sldMk cId="2470995215" sldId="269"/>
        </pc:sldMkLst>
        <pc:spChg chg="mod ord">
          <ac:chgData name="Graettinger, James R" userId="a1950f07-3ad9-48eb-8a7a-55a8afe69a63" providerId="ADAL" clId="{644F45A4-7CA7-451C-B99D-1FA38CD503C2}" dt="2023-03-22T13:11:09.006" v="2675" actId="255"/>
          <ac:spMkLst>
            <pc:docMk/>
            <pc:sldMk cId="2470995215" sldId="269"/>
            <ac:spMk id="2" creationId="{B5317B44-90A8-441B-E964-B0AD1A853D35}"/>
          </ac:spMkLst>
        </pc:spChg>
        <pc:picChg chg="del">
          <ac:chgData name="Graettinger, James R" userId="a1950f07-3ad9-48eb-8a7a-55a8afe69a63" providerId="ADAL" clId="{644F45A4-7CA7-451C-B99D-1FA38CD503C2}" dt="2023-03-22T13:10:41.822" v="2668" actId="478"/>
          <ac:picMkLst>
            <pc:docMk/>
            <pc:sldMk cId="2470995215" sldId="269"/>
            <ac:picMk id="4" creationId="{05A7BE55-2A14-4A9A-B143-52E7F58AA7B5}"/>
          </ac:picMkLst>
        </pc:picChg>
        <pc:picChg chg="add mod">
          <ac:chgData name="Graettinger, James R" userId="a1950f07-3ad9-48eb-8a7a-55a8afe69a63" providerId="ADAL" clId="{644F45A4-7CA7-451C-B99D-1FA38CD503C2}" dt="2023-03-22T13:10:58.508" v="2674" actId="26606"/>
          <ac:picMkLst>
            <pc:docMk/>
            <pc:sldMk cId="2470995215" sldId="269"/>
            <ac:picMk id="5" creationId="{C679DDF8-FE86-9917-378E-FD10BEEDD782}"/>
          </ac:picMkLst>
        </pc:picChg>
      </pc:sldChg>
      <pc:sldChg chg="addSp delSp modSp mod">
        <pc:chgData name="Graettinger, James R" userId="a1950f07-3ad9-48eb-8a7a-55a8afe69a63" providerId="ADAL" clId="{644F45A4-7CA7-451C-B99D-1FA38CD503C2}" dt="2023-03-22T13:14:06.653" v="2681" actId="1076"/>
        <pc:sldMkLst>
          <pc:docMk/>
          <pc:sldMk cId="881205594" sldId="270"/>
        </pc:sldMkLst>
        <pc:picChg chg="del">
          <ac:chgData name="Graettinger, James R" userId="a1950f07-3ad9-48eb-8a7a-55a8afe69a63" providerId="ADAL" clId="{644F45A4-7CA7-451C-B99D-1FA38CD503C2}" dt="2023-03-22T13:13:04.532" v="2677" actId="478"/>
          <ac:picMkLst>
            <pc:docMk/>
            <pc:sldMk cId="881205594" sldId="270"/>
            <ac:picMk id="4" creationId="{E30CA9B4-57DE-4033-82F3-B94D4B9027FB}"/>
          </ac:picMkLst>
        </pc:picChg>
        <pc:picChg chg="add mod">
          <ac:chgData name="Graettinger, James R" userId="a1950f07-3ad9-48eb-8a7a-55a8afe69a63" providerId="ADAL" clId="{644F45A4-7CA7-451C-B99D-1FA38CD503C2}" dt="2023-03-22T13:14:06.653" v="2681" actId="1076"/>
          <ac:picMkLst>
            <pc:docMk/>
            <pc:sldMk cId="881205594" sldId="270"/>
            <ac:picMk id="5" creationId="{45B9CD45-C495-0FAE-A861-A183F6673823}"/>
          </ac:picMkLst>
        </pc:picChg>
      </pc:sldChg>
      <pc:sldChg chg="addSp delSp modSp mod">
        <pc:chgData name="Graettinger, James R" userId="a1950f07-3ad9-48eb-8a7a-55a8afe69a63" providerId="ADAL" clId="{644F45A4-7CA7-451C-B99D-1FA38CD503C2}" dt="2023-03-22T13:23:53.980" v="2731" actId="962"/>
        <pc:sldMkLst>
          <pc:docMk/>
          <pc:sldMk cId="2782009179" sldId="271"/>
        </pc:sldMkLst>
        <pc:spChg chg="mod">
          <ac:chgData name="Graettinger, James R" userId="a1950f07-3ad9-48eb-8a7a-55a8afe69a63" providerId="ADAL" clId="{644F45A4-7CA7-451C-B99D-1FA38CD503C2}" dt="2023-03-22T13:22:06.629" v="2727" actId="255"/>
          <ac:spMkLst>
            <pc:docMk/>
            <pc:sldMk cId="2782009179" sldId="271"/>
            <ac:spMk id="2" creationId="{B5317B44-90A8-441B-E964-B0AD1A853D35}"/>
          </ac:spMkLst>
        </pc:spChg>
        <pc:picChg chg="add mod">
          <ac:chgData name="Graettinger, James R" userId="a1950f07-3ad9-48eb-8a7a-55a8afe69a63" providerId="ADAL" clId="{644F45A4-7CA7-451C-B99D-1FA38CD503C2}" dt="2023-03-22T13:23:53.980" v="2731" actId="962"/>
          <ac:picMkLst>
            <pc:docMk/>
            <pc:sldMk cId="2782009179" sldId="271"/>
            <ac:picMk id="4" creationId="{37138549-8411-9F8E-29E6-B0C320BE084A}"/>
          </ac:picMkLst>
        </pc:picChg>
        <pc:picChg chg="del">
          <ac:chgData name="Graettinger, James R" userId="a1950f07-3ad9-48eb-8a7a-55a8afe69a63" providerId="ADAL" clId="{644F45A4-7CA7-451C-B99D-1FA38CD503C2}" dt="2023-03-22T13:23:43.277" v="2728" actId="478"/>
          <ac:picMkLst>
            <pc:docMk/>
            <pc:sldMk cId="2782009179" sldId="271"/>
            <ac:picMk id="12" creationId="{1B1C591A-0A19-42FC-8B7F-8DF9662CAAEA}"/>
          </ac:picMkLst>
        </pc:picChg>
      </pc:sldChg>
      <pc:sldChg chg="addSp delSp modSp mod modClrScheme chgLayout">
        <pc:chgData name="Graettinger, James R" userId="a1950f07-3ad9-48eb-8a7a-55a8afe69a63" providerId="ADAL" clId="{644F45A4-7CA7-451C-B99D-1FA38CD503C2}" dt="2023-03-22T13:34:10.040" v="2816" actId="1076"/>
        <pc:sldMkLst>
          <pc:docMk/>
          <pc:sldMk cId="1229003183" sldId="272"/>
        </pc:sldMkLst>
        <pc:spChg chg="mod ord">
          <ac:chgData name="Graettinger, James R" userId="a1950f07-3ad9-48eb-8a7a-55a8afe69a63" providerId="ADAL" clId="{644F45A4-7CA7-451C-B99D-1FA38CD503C2}" dt="2023-03-22T13:34:05.356" v="2815" actId="255"/>
          <ac:spMkLst>
            <pc:docMk/>
            <pc:sldMk cId="1229003183" sldId="272"/>
            <ac:spMk id="2" creationId="{B5317B44-90A8-441B-E964-B0AD1A853D35}"/>
          </ac:spMkLst>
        </pc:spChg>
        <pc:picChg chg="del">
          <ac:chgData name="Graettinger, James R" userId="a1950f07-3ad9-48eb-8a7a-55a8afe69a63" providerId="ADAL" clId="{644F45A4-7CA7-451C-B99D-1FA38CD503C2}" dt="2023-03-22T13:28:08.931" v="2775" actId="478"/>
          <ac:picMkLst>
            <pc:docMk/>
            <pc:sldMk cId="1229003183" sldId="272"/>
            <ac:picMk id="4" creationId="{015DEE94-E3C8-4E17-983E-34FCDDFA412D}"/>
          </ac:picMkLst>
        </pc:picChg>
        <pc:picChg chg="add mod">
          <ac:chgData name="Graettinger, James R" userId="a1950f07-3ad9-48eb-8a7a-55a8afe69a63" providerId="ADAL" clId="{644F45A4-7CA7-451C-B99D-1FA38CD503C2}" dt="2023-03-22T13:34:10.040" v="2816" actId="1076"/>
          <ac:picMkLst>
            <pc:docMk/>
            <pc:sldMk cId="1229003183" sldId="272"/>
            <ac:picMk id="5" creationId="{696A359D-6EF6-569D-2E3A-9C26AF069FDA}"/>
          </ac:picMkLst>
        </pc:picChg>
        <pc:picChg chg="add del mod">
          <ac:chgData name="Graettinger, James R" userId="a1950f07-3ad9-48eb-8a7a-55a8afe69a63" providerId="ADAL" clId="{644F45A4-7CA7-451C-B99D-1FA38CD503C2}" dt="2023-03-22T13:33:32.770" v="2805" actId="478"/>
          <ac:picMkLst>
            <pc:docMk/>
            <pc:sldMk cId="1229003183" sldId="272"/>
            <ac:picMk id="4098" creationId="{3C907AB5-A499-726C-0F08-18CF399B2712}"/>
          </ac:picMkLst>
        </pc:picChg>
      </pc:sldChg>
      <pc:sldChg chg="addSp delSp modSp mod modClrScheme chgLayout">
        <pc:chgData name="Graettinger, James R" userId="a1950f07-3ad9-48eb-8a7a-55a8afe69a63" providerId="ADAL" clId="{644F45A4-7CA7-451C-B99D-1FA38CD503C2}" dt="2023-03-22T13:32:21.995" v="2804" actId="255"/>
        <pc:sldMkLst>
          <pc:docMk/>
          <pc:sldMk cId="3230707000" sldId="273"/>
        </pc:sldMkLst>
        <pc:spChg chg="mod ord">
          <ac:chgData name="Graettinger, James R" userId="a1950f07-3ad9-48eb-8a7a-55a8afe69a63" providerId="ADAL" clId="{644F45A4-7CA7-451C-B99D-1FA38CD503C2}" dt="2023-03-22T13:32:21.995" v="2804" actId="255"/>
          <ac:spMkLst>
            <pc:docMk/>
            <pc:sldMk cId="3230707000" sldId="273"/>
            <ac:spMk id="2" creationId="{B5317B44-90A8-441B-E964-B0AD1A853D35}"/>
          </ac:spMkLst>
        </pc:spChg>
        <pc:picChg chg="del">
          <ac:chgData name="Graettinger, James R" userId="a1950f07-3ad9-48eb-8a7a-55a8afe69a63" providerId="ADAL" clId="{644F45A4-7CA7-451C-B99D-1FA38CD503C2}" dt="2023-03-22T13:29:37.383" v="2791" actId="478"/>
          <ac:picMkLst>
            <pc:docMk/>
            <pc:sldMk cId="3230707000" sldId="273"/>
            <ac:picMk id="4" creationId="{DD63B598-3A96-48AA-9C4B-CAC3B6B9E3C6}"/>
          </ac:picMkLst>
        </pc:picChg>
        <pc:picChg chg="add mod">
          <ac:chgData name="Graettinger, James R" userId="a1950f07-3ad9-48eb-8a7a-55a8afe69a63" providerId="ADAL" clId="{644F45A4-7CA7-451C-B99D-1FA38CD503C2}" dt="2023-03-22T13:32:09.161" v="2802" actId="26606"/>
          <ac:picMkLst>
            <pc:docMk/>
            <pc:sldMk cId="3230707000" sldId="273"/>
            <ac:picMk id="5" creationId="{B46CFB72-8BFF-2AA5-3B22-597322D14DF2}"/>
          </ac:picMkLst>
        </pc:picChg>
        <pc:picChg chg="add del mod">
          <ac:chgData name="Graettinger, James R" userId="a1950f07-3ad9-48eb-8a7a-55a8afe69a63" providerId="ADAL" clId="{644F45A4-7CA7-451C-B99D-1FA38CD503C2}" dt="2023-03-22T13:30:16.607" v="2794" actId="478"/>
          <ac:picMkLst>
            <pc:docMk/>
            <pc:sldMk cId="3230707000" sldId="273"/>
            <ac:picMk id="5122" creationId="{1E3E0445-5714-5363-6600-9916A5535E49}"/>
          </ac:picMkLst>
        </pc:picChg>
      </pc:sldChg>
      <pc:sldChg chg="delSp del mod">
        <pc:chgData name="Graettinger, James R" userId="a1950f07-3ad9-48eb-8a7a-55a8afe69a63" providerId="ADAL" clId="{644F45A4-7CA7-451C-B99D-1FA38CD503C2}" dt="2023-03-22T13:35:04.877" v="2818" actId="2696"/>
        <pc:sldMkLst>
          <pc:docMk/>
          <pc:sldMk cId="1670964919" sldId="274"/>
        </pc:sldMkLst>
        <pc:picChg chg="del">
          <ac:chgData name="Graettinger, James R" userId="a1950f07-3ad9-48eb-8a7a-55a8afe69a63" providerId="ADAL" clId="{644F45A4-7CA7-451C-B99D-1FA38CD503C2}" dt="2023-03-22T13:34:19.564" v="2817" actId="478"/>
          <ac:picMkLst>
            <pc:docMk/>
            <pc:sldMk cId="1670964919" sldId="274"/>
            <ac:picMk id="5" creationId="{44010B35-FC0C-4AA8-B9DF-3090172C7246}"/>
          </ac:picMkLst>
        </pc:picChg>
      </pc:sldChg>
      <pc:sldChg chg="modSp mod">
        <pc:chgData name="Graettinger, James R" userId="a1950f07-3ad9-48eb-8a7a-55a8afe69a63" providerId="ADAL" clId="{644F45A4-7CA7-451C-B99D-1FA38CD503C2}" dt="2023-03-22T11:05:28.557" v="1046" actId="6549"/>
        <pc:sldMkLst>
          <pc:docMk/>
          <pc:sldMk cId="3234654" sldId="275"/>
        </pc:sldMkLst>
        <pc:spChg chg="mod">
          <ac:chgData name="Graettinger, James R" userId="a1950f07-3ad9-48eb-8a7a-55a8afe69a63" providerId="ADAL" clId="{644F45A4-7CA7-451C-B99D-1FA38CD503C2}" dt="2023-03-22T11:03:37.338" v="885" actId="1076"/>
          <ac:spMkLst>
            <pc:docMk/>
            <pc:sldMk cId="3234654" sldId="275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644F45A4-7CA7-451C-B99D-1FA38CD503C2}" dt="2023-03-22T11:05:28.557" v="1046" actId="6549"/>
          <ac:spMkLst>
            <pc:docMk/>
            <pc:sldMk cId="3234654" sldId="275"/>
            <ac:spMk id="4" creationId="{CA8B0728-658B-4444-8652-F4D55563E647}"/>
          </ac:spMkLst>
        </pc:spChg>
      </pc:sldChg>
      <pc:sldChg chg="del">
        <pc:chgData name="Graettinger, James R" userId="a1950f07-3ad9-48eb-8a7a-55a8afe69a63" providerId="ADAL" clId="{644F45A4-7CA7-451C-B99D-1FA38CD503C2}" dt="2023-03-22T11:42:14.227" v="2440" actId="2696"/>
        <pc:sldMkLst>
          <pc:docMk/>
          <pc:sldMk cId="3573960111" sldId="277"/>
        </pc:sldMkLst>
      </pc:sldChg>
      <pc:sldChg chg="modSp mod">
        <pc:chgData name="Graettinger, James R" userId="a1950f07-3ad9-48eb-8a7a-55a8afe69a63" providerId="ADAL" clId="{644F45A4-7CA7-451C-B99D-1FA38CD503C2}" dt="2023-03-22T10:56:43.401" v="801" actId="255"/>
        <pc:sldMkLst>
          <pc:docMk/>
          <pc:sldMk cId="574080193" sldId="280"/>
        </pc:sldMkLst>
        <pc:spChg chg="mod">
          <ac:chgData name="Graettinger, James R" userId="a1950f07-3ad9-48eb-8a7a-55a8afe69a63" providerId="ADAL" clId="{644F45A4-7CA7-451C-B99D-1FA38CD503C2}" dt="2023-03-22T10:56:43.401" v="801" actId="255"/>
          <ac:spMkLst>
            <pc:docMk/>
            <pc:sldMk cId="574080193" sldId="280"/>
            <ac:spMk id="3" creationId="{0AF190B8-3E18-4FBD-8DDB-DF38276EA577}"/>
          </ac:spMkLst>
        </pc:spChg>
      </pc:sldChg>
      <pc:sldChg chg="modSp mod">
        <pc:chgData name="Graettinger, James R" userId="a1950f07-3ad9-48eb-8a7a-55a8afe69a63" providerId="ADAL" clId="{644F45A4-7CA7-451C-B99D-1FA38CD503C2}" dt="2023-03-22T10:56:53.765" v="802" actId="255"/>
        <pc:sldMkLst>
          <pc:docMk/>
          <pc:sldMk cId="509725339" sldId="284"/>
        </pc:sldMkLst>
        <pc:spChg chg="mod">
          <ac:chgData name="Graettinger, James R" userId="a1950f07-3ad9-48eb-8a7a-55a8afe69a63" providerId="ADAL" clId="{644F45A4-7CA7-451C-B99D-1FA38CD503C2}" dt="2023-03-21T14:15:34.673" v="59" actId="20577"/>
          <ac:spMkLst>
            <pc:docMk/>
            <pc:sldMk cId="509725339" sldId="284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644F45A4-7CA7-451C-B99D-1FA38CD503C2}" dt="2023-03-22T10:56:53.765" v="802" actId="255"/>
          <ac:spMkLst>
            <pc:docMk/>
            <pc:sldMk cId="509725339" sldId="284"/>
            <ac:spMk id="4" creationId="{A87D3AC6-ABDD-4C72-A5BF-4B99B9975378}"/>
          </ac:spMkLst>
        </pc:spChg>
      </pc:sldChg>
      <pc:sldChg chg="addSp delSp modSp mod">
        <pc:chgData name="Graettinger, James R" userId="a1950f07-3ad9-48eb-8a7a-55a8afe69a63" providerId="ADAL" clId="{644F45A4-7CA7-451C-B99D-1FA38CD503C2}" dt="2023-03-22T13:27:34.312" v="2774" actId="1076"/>
        <pc:sldMkLst>
          <pc:docMk/>
          <pc:sldMk cId="343700430" sldId="285"/>
        </pc:sldMkLst>
        <pc:spChg chg="mod">
          <ac:chgData name="Graettinger, James R" userId="a1950f07-3ad9-48eb-8a7a-55a8afe69a63" providerId="ADAL" clId="{644F45A4-7CA7-451C-B99D-1FA38CD503C2}" dt="2023-03-22T13:24:33.618" v="2769" actId="20577"/>
          <ac:spMkLst>
            <pc:docMk/>
            <pc:sldMk cId="343700430" sldId="285"/>
            <ac:spMk id="2" creationId="{B5317B44-90A8-441B-E964-B0AD1A853D35}"/>
          </ac:spMkLst>
        </pc:spChg>
        <pc:picChg chg="del">
          <ac:chgData name="Graettinger, James R" userId="a1950f07-3ad9-48eb-8a7a-55a8afe69a63" providerId="ADAL" clId="{644F45A4-7CA7-451C-B99D-1FA38CD503C2}" dt="2023-03-22T13:26:00.139" v="2770" actId="478"/>
          <ac:picMkLst>
            <pc:docMk/>
            <pc:sldMk cId="343700430" sldId="285"/>
            <ac:picMk id="4" creationId="{14D6B069-C4B0-4415-8CFC-A144FCD5667C}"/>
          </ac:picMkLst>
        </pc:picChg>
        <pc:picChg chg="add mod">
          <ac:chgData name="Graettinger, James R" userId="a1950f07-3ad9-48eb-8a7a-55a8afe69a63" providerId="ADAL" clId="{644F45A4-7CA7-451C-B99D-1FA38CD503C2}" dt="2023-03-22T13:27:34.312" v="2774" actId="1076"/>
          <ac:picMkLst>
            <pc:docMk/>
            <pc:sldMk cId="343700430" sldId="285"/>
            <ac:picMk id="5" creationId="{61302657-6D3A-F395-031F-0833C68504ED}"/>
          </ac:picMkLst>
        </pc:picChg>
      </pc:sldChg>
      <pc:sldChg chg="modSp add mod ord">
        <pc:chgData name="Graettinger, James R" userId="a1950f07-3ad9-48eb-8a7a-55a8afe69a63" providerId="ADAL" clId="{644F45A4-7CA7-451C-B99D-1FA38CD503C2}" dt="2023-03-22T10:57:03.549" v="803" actId="255"/>
        <pc:sldMkLst>
          <pc:docMk/>
          <pc:sldMk cId="4216549908" sldId="286"/>
        </pc:sldMkLst>
        <pc:spChg chg="mod">
          <ac:chgData name="Graettinger, James R" userId="a1950f07-3ad9-48eb-8a7a-55a8afe69a63" providerId="ADAL" clId="{644F45A4-7CA7-451C-B99D-1FA38CD503C2}" dt="2023-03-22T10:57:03.549" v="803" actId="255"/>
          <ac:spMkLst>
            <pc:docMk/>
            <pc:sldMk cId="4216549908" sldId="286"/>
            <ac:spMk id="4" creationId="{A87D3AC6-ABDD-4C72-A5BF-4B99B9975378}"/>
          </ac:spMkLst>
        </pc:spChg>
      </pc:sldChg>
      <pc:sldChg chg="modSp add mod ord">
        <pc:chgData name="Graettinger, James R" userId="a1950f07-3ad9-48eb-8a7a-55a8afe69a63" providerId="ADAL" clId="{644F45A4-7CA7-451C-B99D-1FA38CD503C2}" dt="2023-03-22T10:57:13.786" v="804" actId="255"/>
        <pc:sldMkLst>
          <pc:docMk/>
          <pc:sldMk cId="2025442295" sldId="287"/>
        </pc:sldMkLst>
        <pc:spChg chg="mod">
          <ac:chgData name="Graettinger, James R" userId="a1950f07-3ad9-48eb-8a7a-55a8afe69a63" providerId="ADAL" clId="{644F45A4-7CA7-451C-B99D-1FA38CD503C2}" dt="2023-03-22T10:53:03.036" v="548" actId="20577"/>
          <ac:spMkLst>
            <pc:docMk/>
            <pc:sldMk cId="2025442295" sldId="287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644F45A4-7CA7-451C-B99D-1FA38CD503C2}" dt="2023-03-22T10:57:13.786" v="804" actId="255"/>
          <ac:spMkLst>
            <pc:docMk/>
            <pc:sldMk cId="2025442295" sldId="287"/>
            <ac:spMk id="3" creationId="{0AF190B8-3E18-4FBD-8DDB-DF38276EA577}"/>
          </ac:spMkLst>
        </pc:spChg>
      </pc:sldChg>
      <pc:sldChg chg="modSp add mod">
        <pc:chgData name="Graettinger, James R" userId="a1950f07-3ad9-48eb-8a7a-55a8afe69a63" providerId="ADAL" clId="{644F45A4-7CA7-451C-B99D-1FA38CD503C2}" dt="2023-03-22T10:59:47.024" v="855" actId="113"/>
        <pc:sldMkLst>
          <pc:docMk/>
          <pc:sldMk cId="3851239397" sldId="288"/>
        </pc:sldMkLst>
        <pc:spChg chg="mod">
          <ac:chgData name="Graettinger, James R" userId="a1950f07-3ad9-48eb-8a7a-55a8afe69a63" providerId="ADAL" clId="{644F45A4-7CA7-451C-B99D-1FA38CD503C2}" dt="2023-03-22T10:56:00.557" v="797" actId="20577"/>
          <ac:spMkLst>
            <pc:docMk/>
            <pc:sldMk cId="3851239397" sldId="288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644F45A4-7CA7-451C-B99D-1FA38CD503C2}" dt="2023-03-22T10:59:47.024" v="855" actId="113"/>
          <ac:spMkLst>
            <pc:docMk/>
            <pc:sldMk cId="3851239397" sldId="288"/>
            <ac:spMk id="3" creationId="{0AF190B8-3E18-4FBD-8DDB-DF38276EA577}"/>
          </ac:spMkLst>
        </pc:spChg>
      </pc:sldChg>
      <pc:sldChg chg="modSp add mod">
        <pc:chgData name="Graettinger, James R" userId="a1950f07-3ad9-48eb-8a7a-55a8afe69a63" providerId="ADAL" clId="{644F45A4-7CA7-451C-B99D-1FA38CD503C2}" dt="2023-03-22T11:25:55.426" v="2311" actId="1076"/>
        <pc:sldMkLst>
          <pc:docMk/>
          <pc:sldMk cId="1190163342" sldId="289"/>
        </pc:sldMkLst>
        <pc:spChg chg="mod">
          <ac:chgData name="Graettinger, James R" userId="a1950f07-3ad9-48eb-8a7a-55a8afe69a63" providerId="ADAL" clId="{644F45A4-7CA7-451C-B99D-1FA38CD503C2}" dt="2023-03-22T11:16:12.251" v="1765" actId="14100"/>
          <ac:spMkLst>
            <pc:docMk/>
            <pc:sldMk cId="1190163342" sldId="289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644F45A4-7CA7-451C-B99D-1FA38CD503C2}" dt="2023-03-22T11:25:55.426" v="2311" actId="1076"/>
          <ac:spMkLst>
            <pc:docMk/>
            <pc:sldMk cId="1190163342" sldId="289"/>
            <ac:spMk id="4" creationId="{CA8B0728-658B-4444-8652-F4D55563E647}"/>
          </ac:spMkLst>
        </pc:spChg>
      </pc:sldChg>
      <pc:sldChg chg="addSp delSp modSp add del mod modClrScheme chgLayout">
        <pc:chgData name="Graettinger, James R" userId="a1950f07-3ad9-48eb-8a7a-55a8afe69a63" providerId="ADAL" clId="{644F45A4-7CA7-451C-B99D-1FA38CD503C2}" dt="2023-03-22T13:49:29.224" v="3437" actId="2696"/>
        <pc:sldMkLst>
          <pc:docMk/>
          <pc:sldMk cId="1813560123" sldId="290"/>
        </pc:sldMkLst>
        <pc:spChg chg="mod">
          <ac:chgData name="Graettinger, James R" userId="a1950f07-3ad9-48eb-8a7a-55a8afe69a63" providerId="ADAL" clId="{644F45A4-7CA7-451C-B99D-1FA38CD503C2}" dt="2023-03-22T13:46:57.816" v="3389" actId="26606"/>
          <ac:spMkLst>
            <pc:docMk/>
            <pc:sldMk cId="1813560123" sldId="290"/>
            <ac:spMk id="2" creationId="{B5317B44-90A8-441B-E964-B0AD1A853D35}"/>
          </ac:spMkLst>
        </pc:spChg>
        <pc:spChg chg="add del mod">
          <ac:chgData name="Graettinger, James R" userId="a1950f07-3ad9-48eb-8a7a-55a8afe69a63" providerId="ADAL" clId="{644F45A4-7CA7-451C-B99D-1FA38CD503C2}" dt="2023-03-22T13:46:57.816" v="3389" actId="26606"/>
          <ac:spMkLst>
            <pc:docMk/>
            <pc:sldMk cId="1813560123" sldId="290"/>
            <ac:spMk id="4" creationId="{CA8B0728-658B-4444-8652-F4D55563E647}"/>
          </ac:spMkLst>
        </pc:spChg>
        <pc:spChg chg="add del mod">
          <ac:chgData name="Graettinger, James R" userId="a1950f07-3ad9-48eb-8a7a-55a8afe69a63" providerId="ADAL" clId="{644F45A4-7CA7-451C-B99D-1FA38CD503C2}" dt="2023-03-22T13:46:22.046" v="3384" actId="26606"/>
          <ac:spMkLst>
            <pc:docMk/>
            <pc:sldMk cId="1813560123" sldId="290"/>
            <ac:spMk id="10" creationId="{2D0EC12B-0E62-EBC1-D571-F2834AFBAE76}"/>
          </ac:spMkLst>
        </pc:spChg>
        <pc:spChg chg="add mod">
          <ac:chgData name="Graettinger, James R" userId="a1950f07-3ad9-48eb-8a7a-55a8afe69a63" providerId="ADAL" clId="{644F45A4-7CA7-451C-B99D-1FA38CD503C2}" dt="2023-03-22T13:46:57.816" v="3389" actId="26606"/>
          <ac:spMkLst>
            <pc:docMk/>
            <pc:sldMk cId="1813560123" sldId="290"/>
            <ac:spMk id="11" creationId="{13F5AD54-73B2-814B-83B2-9BA6EF3A865B}"/>
          </ac:spMkLst>
        </pc:spChg>
        <pc:spChg chg="add del mod">
          <ac:chgData name="Graettinger, James R" userId="a1950f07-3ad9-48eb-8a7a-55a8afe69a63" providerId="ADAL" clId="{644F45A4-7CA7-451C-B99D-1FA38CD503C2}" dt="2023-03-22T13:45:54.778" v="3380" actId="26606"/>
          <ac:spMkLst>
            <pc:docMk/>
            <pc:sldMk cId="1813560123" sldId="290"/>
            <ac:spMk id="12" creationId="{40B26E7B-A494-0C2E-524C-88C670B1F956}"/>
          </ac:spMkLst>
        </pc:spChg>
        <pc:graphicFrameChg chg="add del">
          <ac:chgData name="Graettinger, James R" userId="a1950f07-3ad9-48eb-8a7a-55a8afe69a63" providerId="ADAL" clId="{644F45A4-7CA7-451C-B99D-1FA38CD503C2}" dt="2023-03-22T13:41:42.231" v="3197" actId="26606"/>
          <ac:graphicFrameMkLst>
            <pc:docMk/>
            <pc:sldMk cId="1813560123" sldId="290"/>
            <ac:graphicFrameMk id="6" creationId="{BC31F8DE-5CF9-954D-E9A5-C3A414E98120}"/>
          </ac:graphicFrameMkLst>
        </pc:graphicFrameChg>
        <pc:graphicFrameChg chg="add del mod modGraphic">
          <ac:chgData name="Graettinger, James R" userId="a1950f07-3ad9-48eb-8a7a-55a8afe69a63" providerId="ADAL" clId="{644F45A4-7CA7-451C-B99D-1FA38CD503C2}" dt="2023-03-22T13:45:56.415" v="3382" actId="26606"/>
          <ac:graphicFrameMkLst>
            <pc:docMk/>
            <pc:sldMk cId="1813560123" sldId="290"/>
            <ac:graphicFrameMk id="7" creationId="{2DFA57DC-B612-2667-D0CB-57D59A7324F7}"/>
          </ac:graphicFrameMkLst>
        </pc:graphicFrameChg>
        <pc:graphicFrameChg chg="add del">
          <ac:chgData name="Graettinger, James R" userId="a1950f07-3ad9-48eb-8a7a-55a8afe69a63" providerId="ADAL" clId="{644F45A4-7CA7-451C-B99D-1FA38CD503C2}" dt="2023-03-22T13:46:22.046" v="3384" actId="26606"/>
          <ac:graphicFrameMkLst>
            <pc:docMk/>
            <pc:sldMk cId="1813560123" sldId="290"/>
            <ac:graphicFrameMk id="8" creationId="{0FECDC65-07E6-BDF3-6D2E-228AD9154A6B}"/>
          </ac:graphicFrameMkLst>
        </pc:graphicFrameChg>
        <pc:graphicFrameChg chg="add del">
          <ac:chgData name="Graettinger, James R" userId="a1950f07-3ad9-48eb-8a7a-55a8afe69a63" providerId="ADAL" clId="{644F45A4-7CA7-451C-B99D-1FA38CD503C2}" dt="2023-03-22T13:46:57.747" v="3388" actId="26606"/>
          <ac:graphicFrameMkLst>
            <pc:docMk/>
            <pc:sldMk cId="1813560123" sldId="290"/>
            <ac:graphicFrameMk id="9" creationId="{293BE957-7F6C-84F6-FD18-9E3384F2D1D8}"/>
          </ac:graphicFrameMkLst>
        </pc:graphicFrameChg>
        <pc:graphicFrameChg chg="add">
          <ac:chgData name="Graettinger, James R" userId="a1950f07-3ad9-48eb-8a7a-55a8afe69a63" providerId="ADAL" clId="{644F45A4-7CA7-451C-B99D-1FA38CD503C2}" dt="2023-03-22T13:46:57.816" v="3389" actId="26606"/>
          <ac:graphicFrameMkLst>
            <pc:docMk/>
            <pc:sldMk cId="1813560123" sldId="290"/>
            <ac:graphicFrameMk id="13" creationId="{892D613E-88A4-A4B5-031D-AD18201BFD06}"/>
          </ac:graphicFrameMkLst>
        </pc:graphicFrameChg>
      </pc:sldChg>
      <pc:sldChg chg="addSp modSp add mod">
        <pc:chgData name="Graettinger, James R" userId="a1950f07-3ad9-48eb-8a7a-55a8afe69a63" providerId="ADAL" clId="{644F45A4-7CA7-451C-B99D-1FA38CD503C2}" dt="2023-03-22T11:41:54.092" v="2439" actId="12"/>
        <pc:sldMkLst>
          <pc:docMk/>
          <pc:sldMk cId="2384053800" sldId="291"/>
        </pc:sldMkLst>
        <pc:spChg chg="mod">
          <ac:chgData name="Graettinger, James R" userId="a1950f07-3ad9-48eb-8a7a-55a8afe69a63" providerId="ADAL" clId="{644F45A4-7CA7-451C-B99D-1FA38CD503C2}" dt="2023-03-22T11:39:10.101" v="2403" actId="12"/>
          <ac:spMkLst>
            <pc:docMk/>
            <pc:sldMk cId="2384053800" sldId="291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644F45A4-7CA7-451C-B99D-1FA38CD503C2}" dt="2023-03-22T11:41:54.092" v="2439" actId="12"/>
          <ac:spMkLst>
            <pc:docMk/>
            <pc:sldMk cId="2384053800" sldId="291"/>
            <ac:spMk id="4" creationId="{CA8B0728-658B-4444-8652-F4D55563E647}"/>
          </ac:spMkLst>
        </pc:spChg>
        <pc:picChg chg="add mod">
          <ac:chgData name="Graettinger, James R" userId="a1950f07-3ad9-48eb-8a7a-55a8afe69a63" providerId="ADAL" clId="{644F45A4-7CA7-451C-B99D-1FA38CD503C2}" dt="2023-03-22T11:40:51.840" v="2421" actId="1076"/>
          <ac:picMkLst>
            <pc:docMk/>
            <pc:sldMk cId="2384053800" sldId="291"/>
            <ac:picMk id="3" creationId="{FD2745E5-75D6-5007-D347-849140D744A7}"/>
          </ac:picMkLst>
        </pc:picChg>
        <pc:picChg chg="add mod">
          <ac:chgData name="Graettinger, James R" userId="a1950f07-3ad9-48eb-8a7a-55a8afe69a63" providerId="ADAL" clId="{644F45A4-7CA7-451C-B99D-1FA38CD503C2}" dt="2023-03-22T11:40:15.725" v="2411" actId="1076"/>
          <ac:picMkLst>
            <pc:docMk/>
            <pc:sldMk cId="2384053800" sldId="291"/>
            <ac:picMk id="5" creationId="{D76C54B8-63E3-5A7D-C0F9-61A58AA74C89}"/>
          </ac:picMkLst>
        </pc:picChg>
      </pc:sldChg>
      <pc:sldChg chg="addSp delSp modSp add mod">
        <pc:chgData name="Graettinger, James R" userId="a1950f07-3ad9-48eb-8a7a-55a8afe69a63" providerId="ADAL" clId="{644F45A4-7CA7-451C-B99D-1FA38CD503C2}" dt="2023-03-22T13:49:19.790" v="3436" actId="207"/>
        <pc:sldMkLst>
          <pc:docMk/>
          <pc:sldMk cId="2608844128" sldId="292"/>
        </pc:sldMkLst>
        <pc:spChg chg="del mod">
          <ac:chgData name="Graettinger, James R" userId="a1950f07-3ad9-48eb-8a7a-55a8afe69a63" providerId="ADAL" clId="{644F45A4-7CA7-451C-B99D-1FA38CD503C2}" dt="2023-03-22T13:47:11.969" v="3391" actId="478"/>
          <ac:spMkLst>
            <pc:docMk/>
            <pc:sldMk cId="2608844128" sldId="292"/>
            <ac:spMk id="4" creationId="{CA8B0728-658B-4444-8652-F4D55563E647}"/>
          </ac:spMkLst>
        </pc:spChg>
        <pc:graphicFrameChg chg="add mod modGraphic">
          <ac:chgData name="Graettinger, James R" userId="a1950f07-3ad9-48eb-8a7a-55a8afe69a63" providerId="ADAL" clId="{644F45A4-7CA7-451C-B99D-1FA38CD503C2}" dt="2023-03-22T13:49:19.790" v="3436" actId="207"/>
          <ac:graphicFrameMkLst>
            <pc:docMk/>
            <pc:sldMk cId="2608844128" sldId="292"/>
            <ac:graphicFrameMk id="3" creationId="{A0F0FA2C-99A1-B21B-9218-26350388AF16}"/>
          </ac:graphicFrameMkLst>
        </pc:graphicFrameChg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802629D4-2667-4685-8FD6-1824E65C189E}" type="doc">
      <dgm:prSet loTypeId="urn:microsoft.com/office/officeart/2005/8/layout/default" loCatId="list" qsTypeId="urn:microsoft.com/office/officeart/2005/8/quickstyle/simple2" qsCatId="simple" csTypeId="urn:microsoft.com/office/officeart/2005/8/colors/accent2_2" csCatId="accent2"/>
      <dgm:spPr/>
      <dgm:t>
        <a:bodyPr/>
        <a:lstStyle/>
        <a:p>
          <a:endParaRPr lang="en-US"/>
        </a:p>
      </dgm:t>
    </dgm:pt>
    <dgm:pt modelId="{1CF8A674-8452-447A-A7C7-9D9648820695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Connection and Conversion Reports for Wireline Service Providers</a:t>
          </a:r>
        </a:p>
      </dgm:t>
    </dgm:pt>
    <dgm:pt modelId="{ABC3F5D9-4CD8-4667-8FD9-AED9FA03A909}" type="parTrans" cxnId="{6307FDC3-562A-4041-B04F-51BC33823C03}">
      <dgm:prSet/>
      <dgm:spPr/>
      <dgm:t>
        <a:bodyPr/>
        <a:lstStyle/>
        <a:p>
          <a:endParaRPr lang="en-US"/>
        </a:p>
      </dgm:t>
    </dgm:pt>
    <dgm:pt modelId="{DD58D469-E53C-4698-B978-5D6A390F61D0}" type="sibTrans" cxnId="{6307FDC3-562A-4041-B04F-51BC33823C03}">
      <dgm:prSet/>
      <dgm:spPr/>
      <dgm:t>
        <a:bodyPr/>
        <a:lstStyle/>
        <a:p>
          <a:endParaRPr lang="en-US"/>
        </a:p>
      </dgm:t>
    </dgm:pt>
    <dgm:pt modelId="{A0E0D163-CC9A-41E4-916F-7CA16C328BDB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Inward/Outward</a:t>
          </a:r>
        </a:p>
      </dgm:t>
    </dgm:pt>
    <dgm:pt modelId="{1BD9E067-7BFE-4E35-BC6D-7396A51EEA3F}" type="parTrans" cxnId="{62F7897C-6845-4E46-954F-B90050D5F6C3}">
      <dgm:prSet/>
      <dgm:spPr/>
      <dgm:t>
        <a:bodyPr/>
        <a:lstStyle/>
        <a:p>
          <a:endParaRPr lang="en-US"/>
        </a:p>
      </dgm:t>
    </dgm:pt>
    <dgm:pt modelId="{B896DE1C-B96D-4E4C-9040-FE4DF1DA2C19}" type="sibTrans" cxnId="{62F7897C-6845-4E46-954F-B90050D5F6C3}">
      <dgm:prSet/>
      <dgm:spPr/>
      <dgm:t>
        <a:bodyPr/>
        <a:lstStyle/>
        <a:p>
          <a:endParaRPr lang="en-US"/>
        </a:p>
      </dgm:t>
    </dgm:pt>
    <dgm:pt modelId="{4126E07E-3988-4813-B8E2-3804681F9E3B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Participant Emails</a:t>
          </a:r>
        </a:p>
      </dgm:t>
    </dgm:pt>
    <dgm:pt modelId="{A70509CD-B34E-44BC-9DAF-1030D60614BA}" type="parTrans" cxnId="{F0F10DF3-80B9-45E6-886D-6D469483F8BB}">
      <dgm:prSet/>
      <dgm:spPr/>
      <dgm:t>
        <a:bodyPr/>
        <a:lstStyle/>
        <a:p>
          <a:endParaRPr lang="en-US"/>
        </a:p>
      </dgm:t>
    </dgm:pt>
    <dgm:pt modelId="{E799F350-60A2-4DE2-81BA-A2B850560542}" type="sibTrans" cxnId="{F0F10DF3-80B9-45E6-886D-6D469483F8BB}">
      <dgm:prSet/>
      <dgm:spPr/>
      <dgm:t>
        <a:bodyPr/>
        <a:lstStyle/>
        <a:p>
          <a:endParaRPr lang="en-US"/>
        </a:p>
      </dgm:t>
    </dgm:pt>
    <dgm:pt modelId="{20263C43-D400-4D3F-BC55-81747A3A6D43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Webchat</a:t>
          </a:r>
        </a:p>
      </dgm:t>
    </dgm:pt>
    <dgm:pt modelId="{0EB60461-3685-403A-8FC4-145C4B7CD14D}" type="parTrans" cxnId="{A5DA3232-EBF7-42C8-959A-7ACF0B9B8A69}">
      <dgm:prSet/>
      <dgm:spPr/>
      <dgm:t>
        <a:bodyPr/>
        <a:lstStyle/>
        <a:p>
          <a:endParaRPr lang="en-US"/>
        </a:p>
      </dgm:t>
    </dgm:pt>
    <dgm:pt modelId="{562470D9-E63D-4B6A-8690-D3201DDD963E}" type="sibTrans" cxnId="{A5DA3232-EBF7-42C8-959A-7ACF0B9B8A69}">
      <dgm:prSet/>
      <dgm:spPr/>
      <dgm:t>
        <a:bodyPr/>
        <a:lstStyle/>
        <a:p>
          <a:endParaRPr lang="en-US"/>
        </a:p>
      </dgm:t>
    </dgm:pt>
    <dgm:pt modelId="{13522017-D7B8-4379-83A0-63B849FC811E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Waste, Fraud, and Abuse Prevention</a:t>
          </a:r>
        </a:p>
      </dgm:t>
    </dgm:pt>
    <dgm:pt modelId="{40521EE4-160C-4883-8003-A42440327436}" type="parTrans" cxnId="{5096AD97-366D-438B-89CE-516415613CC7}">
      <dgm:prSet/>
      <dgm:spPr/>
      <dgm:t>
        <a:bodyPr/>
        <a:lstStyle/>
        <a:p>
          <a:endParaRPr lang="en-US"/>
        </a:p>
      </dgm:t>
    </dgm:pt>
    <dgm:pt modelId="{A5B30C40-87F8-422F-94B4-7DFE8FE75CE0}" type="sibTrans" cxnId="{5096AD97-366D-438B-89CE-516415613CC7}">
      <dgm:prSet/>
      <dgm:spPr/>
      <dgm:t>
        <a:bodyPr/>
        <a:lstStyle/>
        <a:p>
          <a:endParaRPr lang="en-US"/>
        </a:p>
      </dgm:t>
    </dgm:pt>
    <dgm:pt modelId="{609ADB5B-5510-431F-9997-E6AF016CDDC0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External Eligibility</a:t>
          </a:r>
        </a:p>
      </dgm:t>
    </dgm:pt>
    <dgm:pt modelId="{E05C21C8-2AE6-4146-B163-F87DC8B5A33A}" type="parTrans" cxnId="{A44AA2D9-596A-43F5-ADA7-CE80DCBDCBDA}">
      <dgm:prSet/>
      <dgm:spPr/>
      <dgm:t>
        <a:bodyPr/>
        <a:lstStyle/>
        <a:p>
          <a:endParaRPr lang="en-US"/>
        </a:p>
      </dgm:t>
    </dgm:pt>
    <dgm:pt modelId="{425509C3-C528-481E-9073-0DCD700F9B49}" type="sibTrans" cxnId="{A44AA2D9-596A-43F5-ADA7-CE80DCBDCBDA}">
      <dgm:prSet/>
      <dgm:spPr/>
      <dgm:t>
        <a:bodyPr/>
        <a:lstStyle/>
        <a:p>
          <a:endParaRPr lang="en-US"/>
        </a:p>
      </dgm:t>
    </dgm:pt>
    <dgm:pt modelId="{5448EE02-E1A9-4C67-9DEA-55A52D5D3070}">
      <dgm:prSet/>
      <dgm:spPr/>
      <dgm:t>
        <a:bodyPr/>
        <a:lstStyle/>
        <a:p>
          <a:r>
            <a:rPr lang="en-US" b="1" i="0" dirty="0">
              <a:solidFill>
                <a:schemeClr val="tx1"/>
              </a:solidFill>
            </a:rPr>
            <a:t>Determination Invoice</a:t>
          </a:r>
        </a:p>
      </dgm:t>
    </dgm:pt>
    <dgm:pt modelId="{38A64041-2EDF-4E26-9669-BA9F8F39CEEA}" type="parTrans" cxnId="{CF1F1E53-E980-4427-82DE-DD5106FA5A15}">
      <dgm:prSet/>
      <dgm:spPr/>
      <dgm:t>
        <a:bodyPr/>
        <a:lstStyle/>
        <a:p>
          <a:endParaRPr lang="en-US"/>
        </a:p>
      </dgm:t>
    </dgm:pt>
    <dgm:pt modelId="{C90A4FCC-86ED-4832-BE5D-1370E4E8E6AC}" type="sibTrans" cxnId="{CF1F1E53-E980-4427-82DE-DD5106FA5A15}">
      <dgm:prSet/>
      <dgm:spPr/>
      <dgm:t>
        <a:bodyPr/>
        <a:lstStyle/>
        <a:p>
          <a:endParaRPr lang="en-US"/>
        </a:p>
      </dgm:t>
    </dgm:pt>
    <dgm:pt modelId="{B74CF1BE-FE4E-48AB-ADB3-C57C550D6007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Outage and TPA System Availability</a:t>
          </a:r>
        </a:p>
      </dgm:t>
    </dgm:pt>
    <dgm:pt modelId="{8A237387-31A6-4178-8185-0FBBF6A58DD9}" type="parTrans" cxnId="{7C79D3A5-3231-47F0-A0F2-4D8CB9BEEBC7}">
      <dgm:prSet/>
      <dgm:spPr/>
      <dgm:t>
        <a:bodyPr/>
        <a:lstStyle/>
        <a:p>
          <a:endParaRPr lang="en-US"/>
        </a:p>
      </dgm:t>
    </dgm:pt>
    <dgm:pt modelId="{063A73A1-C27B-46BF-97F2-AE675C6AC2B1}" type="sibTrans" cxnId="{7C79D3A5-3231-47F0-A0F2-4D8CB9BEEBC7}">
      <dgm:prSet/>
      <dgm:spPr/>
      <dgm:t>
        <a:bodyPr/>
        <a:lstStyle/>
        <a:p>
          <a:endParaRPr lang="en-US"/>
        </a:p>
      </dgm:t>
    </dgm:pt>
    <dgm:pt modelId="{EEB311B5-1D94-46F9-83A1-2DAC3310AE91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Inbound Mail</a:t>
          </a:r>
        </a:p>
      </dgm:t>
    </dgm:pt>
    <dgm:pt modelId="{B64559E8-7A64-4139-A46D-1356CD831A1A}" type="parTrans" cxnId="{404DB282-6E43-4EDC-A5CE-B4B4F3C97D49}">
      <dgm:prSet/>
      <dgm:spPr/>
      <dgm:t>
        <a:bodyPr/>
        <a:lstStyle/>
        <a:p>
          <a:endParaRPr lang="en-US"/>
        </a:p>
      </dgm:t>
    </dgm:pt>
    <dgm:pt modelId="{BF257C9D-1652-436A-ACDB-59C49FFF70D4}" type="sibTrans" cxnId="{404DB282-6E43-4EDC-A5CE-B4B4F3C97D49}">
      <dgm:prSet/>
      <dgm:spPr/>
      <dgm:t>
        <a:bodyPr/>
        <a:lstStyle/>
        <a:p>
          <a:endParaRPr lang="en-US"/>
        </a:p>
      </dgm:t>
    </dgm:pt>
    <dgm:pt modelId="{E1EB666C-5B11-40E0-825E-0440049C9F44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Outbound Mail</a:t>
          </a:r>
        </a:p>
      </dgm:t>
    </dgm:pt>
    <dgm:pt modelId="{9231F038-5B08-46EC-8C42-F1E4AD731315}" type="parTrans" cxnId="{C1716163-802B-436C-95B4-2ABDF0282DCA}">
      <dgm:prSet/>
      <dgm:spPr/>
      <dgm:t>
        <a:bodyPr/>
        <a:lstStyle/>
        <a:p>
          <a:endParaRPr lang="en-US"/>
        </a:p>
      </dgm:t>
    </dgm:pt>
    <dgm:pt modelId="{96A0D1DA-BDF2-4E00-917B-3F1EE50952EF}" type="sibTrans" cxnId="{C1716163-802B-436C-95B4-2ABDF0282DCA}">
      <dgm:prSet/>
      <dgm:spPr/>
      <dgm:t>
        <a:bodyPr/>
        <a:lstStyle/>
        <a:p>
          <a:endParaRPr lang="en-US"/>
        </a:p>
      </dgm:t>
    </dgm:pt>
    <dgm:pt modelId="{4A601760-223F-4311-AC9C-94C50E1B0713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Outbound Dialer</a:t>
          </a:r>
        </a:p>
      </dgm:t>
    </dgm:pt>
    <dgm:pt modelId="{754A5013-C6D7-4C42-A756-D7A412420C33}" type="parTrans" cxnId="{7C8556D6-E843-4BCD-9EA9-75466E750327}">
      <dgm:prSet/>
      <dgm:spPr/>
      <dgm:t>
        <a:bodyPr/>
        <a:lstStyle/>
        <a:p>
          <a:endParaRPr lang="en-US"/>
        </a:p>
      </dgm:t>
    </dgm:pt>
    <dgm:pt modelId="{F6FA16CF-7356-456E-80B0-C8B84DB12844}" type="sibTrans" cxnId="{7C8556D6-E843-4BCD-9EA9-75466E750327}">
      <dgm:prSet/>
      <dgm:spPr/>
      <dgm:t>
        <a:bodyPr/>
        <a:lstStyle/>
        <a:p>
          <a:endParaRPr lang="en-US"/>
        </a:p>
      </dgm:t>
    </dgm:pt>
    <dgm:pt modelId="{5E1C7F28-3EA5-4135-92D9-55244C48E2AC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Inbound Calls</a:t>
          </a:r>
        </a:p>
      </dgm:t>
    </dgm:pt>
    <dgm:pt modelId="{33387E3E-DE8F-4CAA-9BB8-9AF63DD09D49}" type="parTrans" cxnId="{B147EB49-125A-4653-BB42-3C2880FEEF70}">
      <dgm:prSet/>
      <dgm:spPr/>
      <dgm:t>
        <a:bodyPr/>
        <a:lstStyle/>
        <a:p>
          <a:endParaRPr lang="en-US"/>
        </a:p>
      </dgm:t>
    </dgm:pt>
    <dgm:pt modelId="{7B365BEA-560F-4FDD-B829-DA152AFB645A}" type="sibTrans" cxnId="{B147EB49-125A-4653-BB42-3C2880FEEF70}">
      <dgm:prSet/>
      <dgm:spPr/>
      <dgm:t>
        <a:bodyPr/>
        <a:lstStyle/>
        <a:p>
          <a:endParaRPr lang="en-US"/>
        </a:p>
      </dgm:t>
    </dgm:pt>
    <dgm:pt modelId="{79CA39A6-C483-48E9-8A54-A4ED07862639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TPA Operations</a:t>
          </a:r>
        </a:p>
      </dgm:t>
    </dgm:pt>
    <dgm:pt modelId="{75A5910F-E1DC-438A-9276-AF49A526672E}" type="parTrans" cxnId="{7462E108-1E64-4D88-978F-4E4E4D31E940}">
      <dgm:prSet/>
      <dgm:spPr/>
      <dgm:t>
        <a:bodyPr/>
        <a:lstStyle/>
        <a:p>
          <a:endParaRPr lang="en-US"/>
        </a:p>
      </dgm:t>
    </dgm:pt>
    <dgm:pt modelId="{52467AD5-5CC7-45D3-B4F9-F89DEBAE27B2}" type="sibTrans" cxnId="{7462E108-1E64-4D88-978F-4E4E4D31E940}">
      <dgm:prSet/>
      <dgm:spPr/>
      <dgm:t>
        <a:bodyPr/>
        <a:lstStyle/>
        <a:p>
          <a:endParaRPr lang="en-US"/>
        </a:p>
      </dgm:t>
    </dgm:pt>
    <dgm:pt modelId="{63579FB3-28D9-4349-B9A3-3A323373DFD8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Call Center Invoice</a:t>
          </a:r>
        </a:p>
      </dgm:t>
    </dgm:pt>
    <dgm:pt modelId="{DBBD9D0B-1046-4494-A509-197BBF636681}" type="parTrans" cxnId="{203137E2-A7B8-4C75-B306-6BDA1B63F76F}">
      <dgm:prSet/>
      <dgm:spPr/>
      <dgm:t>
        <a:bodyPr/>
        <a:lstStyle/>
        <a:p>
          <a:endParaRPr lang="en-US"/>
        </a:p>
      </dgm:t>
    </dgm:pt>
    <dgm:pt modelId="{6B453874-7FEF-49BE-8D1E-9DFFE85AED3D}" type="sibTrans" cxnId="{203137E2-A7B8-4C75-B306-6BDA1B63F76F}">
      <dgm:prSet/>
      <dgm:spPr/>
      <dgm:t>
        <a:bodyPr/>
        <a:lstStyle/>
        <a:p>
          <a:endParaRPr lang="en-US"/>
        </a:p>
      </dgm:t>
    </dgm:pt>
    <dgm:pt modelId="{4EA5392E-2683-467D-988D-6CDEB9FDB49F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Daily Service Providers’ Requests and Error Activity</a:t>
          </a:r>
        </a:p>
      </dgm:t>
    </dgm:pt>
    <dgm:pt modelId="{81015B4D-5F13-46B1-ABB8-82871C0771AE}" type="parTrans" cxnId="{34F1D6A1-1AFC-4237-A0FD-EE39CE96B64B}">
      <dgm:prSet/>
      <dgm:spPr/>
      <dgm:t>
        <a:bodyPr/>
        <a:lstStyle/>
        <a:p>
          <a:endParaRPr lang="en-US"/>
        </a:p>
      </dgm:t>
    </dgm:pt>
    <dgm:pt modelId="{47AB73C1-9C45-41DC-90CC-23275B841CC8}" type="sibTrans" cxnId="{34F1D6A1-1AFC-4237-A0FD-EE39CE96B64B}">
      <dgm:prSet/>
      <dgm:spPr/>
      <dgm:t>
        <a:bodyPr/>
        <a:lstStyle/>
        <a:p>
          <a:endParaRPr lang="en-US"/>
        </a:p>
      </dgm:t>
    </dgm:pt>
    <dgm:pt modelId="{0B12CC35-91CF-429F-9525-BC0249726669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Public Website Analytics</a:t>
          </a:r>
        </a:p>
      </dgm:t>
    </dgm:pt>
    <dgm:pt modelId="{2FDF426D-776A-4723-9605-646C287C0BE9}" type="parTrans" cxnId="{E8CDC110-7FDC-4300-AB04-15C8BEE824D0}">
      <dgm:prSet/>
      <dgm:spPr/>
      <dgm:t>
        <a:bodyPr/>
        <a:lstStyle/>
        <a:p>
          <a:endParaRPr lang="en-US"/>
        </a:p>
      </dgm:t>
    </dgm:pt>
    <dgm:pt modelId="{778A4236-D933-40F1-B708-260AF8DCBFBE}" type="sibTrans" cxnId="{E8CDC110-7FDC-4300-AB04-15C8BEE824D0}">
      <dgm:prSet/>
      <dgm:spPr/>
      <dgm:t>
        <a:bodyPr/>
        <a:lstStyle/>
        <a:p>
          <a:endParaRPr lang="en-US"/>
        </a:p>
      </dgm:t>
    </dgm:pt>
    <dgm:pt modelId="{4F555CC5-139D-447D-9B1C-9A5FBC6657D9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National Change of Address</a:t>
          </a:r>
        </a:p>
      </dgm:t>
    </dgm:pt>
    <dgm:pt modelId="{43B17911-D7FC-41F2-8FD4-86866FBA7953}" type="parTrans" cxnId="{D1751D41-04CA-4996-A9F1-72EEF8BD1699}">
      <dgm:prSet/>
      <dgm:spPr/>
      <dgm:t>
        <a:bodyPr/>
        <a:lstStyle/>
        <a:p>
          <a:endParaRPr lang="en-US"/>
        </a:p>
      </dgm:t>
    </dgm:pt>
    <dgm:pt modelId="{78997EB5-CEBF-486A-84E3-8B7AA8BE89A5}" type="sibTrans" cxnId="{D1751D41-04CA-4996-A9F1-72EEF8BD1699}">
      <dgm:prSet/>
      <dgm:spPr/>
      <dgm:t>
        <a:bodyPr/>
        <a:lstStyle/>
        <a:p>
          <a:endParaRPr lang="en-US"/>
        </a:p>
      </dgm:t>
    </dgm:pt>
    <dgm:pt modelId="{494ED8CD-7255-466D-BB57-2245F3CCA7F4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Enrollment, Caseload, and Population</a:t>
          </a:r>
        </a:p>
      </dgm:t>
    </dgm:pt>
    <dgm:pt modelId="{7AF0FFCD-BDC4-40BF-AE6F-1C7AB1D67E97}" type="parTrans" cxnId="{EC8372B9-EAC5-4C9E-8899-9BCEA0F82326}">
      <dgm:prSet/>
      <dgm:spPr/>
      <dgm:t>
        <a:bodyPr/>
        <a:lstStyle/>
        <a:p>
          <a:endParaRPr lang="en-US"/>
        </a:p>
      </dgm:t>
    </dgm:pt>
    <dgm:pt modelId="{7D6D9512-6FF4-415B-8DE9-0CF32F7A9493}" type="sibTrans" cxnId="{EC8372B9-EAC5-4C9E-8899-9BCEA0F82326}">
      <dgm:prSet/>
      <dgm:spPr/>
      <dgm:t>
        <a:bodyPr/>
        <a:lstStyle/>
        <a:p>
          <a:endParaRPr lang="en-US"/>
        </a:p>
      </dgm:t>
    </dgm:pt>
    <dgm:pt modelId="{75B7B282-E316-471B-A4E4-1E83A58C23BD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Enrollment Statistics</a:t>
          </a:r>
        </a:p>
      </dgm:t>
    </dgm:pt>
    <dgm:pt modelId="{16C46D94-316E-4E2C-AC50-5013BA93D5E9}" type="parTrans" cxnId="{040FB8DF-BCA0-4985-A266-8BBF76E0D4EB}">
      <dgm:prSet/>
      <dgm:spPr/>
      <dgm:t>
        <a:bodyPr/>
        <a:lstStyle/>
        <a:p>
          <a:endParaRPr lang="en-US"/>
        </a:p>
      </dgm:t>
    </dgm:pt>
    <dgm:pt modelId="{937FA91F-097E-4AB8-87FA-08B727C57005}" type="sibTrans" cxnId="{040FB8DF-BCA0-4985-A266-8BBF76E0D4EB}">
      <dgm:prSet/>
      <dgm:spPr/>
      <dgm:t>
        <a:bodyPr/>
        <a:lstStyle/>
        <a:p>
          <a:endParaRPr lang="en-US"/>
        </a:p>
      </dgm:t>
    </dgm:pt>
    <dgm:pt modelId="{B79CB36B-2C55-4089-911A-FD1C55EAF102}">
      <dgm:prSet/>
      <dgm:spPr/>
      <dgm:t>
        <a:bodyPr/>
        <a:lstStyle/>
        <a:p>
          <a:r>
            <a:rPr lang="en-US" b="1" dirty="0">
              <a:solidFill>
                <a:schemeClr val="tx1"/>
              </a:solidFill>
            </a:rPr>
            <a:t>Review Queue Snapshot</a:t>
          </a:r>
        </a:p>
      </dgm:t>
    </dgm:pt>
    <dgm:pt modelId="{4E7F1B90-F524-423B-8E48-2D13EB46C992}" type="parTrans" cxnId="{7EBF2B2B-751C-4966-87B0-4676775D3E47}">
      <dgm:prSet/>
      <dgm:spPr/>
      <dgm:t>
        <a:bodyPr/>
        <a:lstStyle/>
        <a:p>
          <a:endParaRPr lang="en-US"/>
        </a:p>
      </dgm:t>
    </dgm:pt>
    <dgm:pt modelId="{C92FFE9A-B0E4-4B83-AD58-462BD7B1B389}" type="sibTrans" cxnId="{7EBF2B2B-751C-4966-87B0-4676775D3E47}">
      <dgm:prSet/>
      <dgm:spPr/>
      <dgm:t>
        <a:bodyPr/>
        <a:lstStyle/>
        <a:p>
          <a:endParaRPr lang="en-US"/>
        </a:p>
      </dgm:t>
    </dgm:pt>
    <dgm:pt modelId="{603E2574-298C-421A-B5B7-C6A22457F332}" type="pres">
      <dgm:prSet presAssocID="{802629D4-2667-4685-8FD6-1824E65C189E}" presName="diagram" presStyleCnt="0">
        <dgm:presLayoutVars>
          <dgm:dir/>
          <dgm:resizeHandles val="exact"/>
        </dgm:presLayoutVars>
      </dgm:prSet>
      <dgm:spPr/>
    </dgm:pt>
    <dgm:pt modelId="{225BE892-99A2-410F-B832-90D6333853CD}" type="pres">
      <dgm:prSet presAssocID="{1CF8A674-8452-447A-A7C7-9D9648820695}" presName="node" presStyleLbl="node1" presStyleIdx="0" presStyleCnt="20">
        <dgm:presLayoutVars>
          <dgm:bulletEnabled val="1"/>
        </dgm:presLayoutVars>
      </dgm:prSet>
      <dgm:spPr/>
    </dgm:pt>
    <dgm:pt modelId="{A76FA073-A558-46C8-BF9E-9C32662B234E}" type="pres">
      <dgm:prSet presAssocID="{DD58D469-E53C-4698-B978-5D6A390F61D0}" presName="sibTrans" presStyleCnt="0"/>
      <dgm:spPr/>
    </dgm:pt>
    <dgm:pt modelId="{522576AF-FD0B-4A49-B1C7-5F7E0F34D41E}" type="pres">
      <dgm:prSet presAssocID="{A0E0D163-CC9A-41E4-916F-7CA16C328BDB}" presName="node" presStyleLbl="node1" presStyleIdx="1" presStyleCnt="20">
        <dgm:presLayoutVars>
          <dgm:bulletEnabled val="1"/>
        </dgm:presLayoutVars>
      </dgm:prSet>
      <dgm:spPr/>
    </dgm:pt>
    <dgm:pt modelId="{EF068A9D-DEE7-482B-BCF6-C54BD7E3F4C9}" type="pres">
      <dgm:prSet presAssocID="{B896DE1C-B96D-4E4C-9040-FE4DF1DA2C19}" presName="sibTrans" presStyleCnt="0"/>
      <dgm:spPr/>
    </dgm:pt>
    <dgm:pt modelId="{4BD579BD-B7E8-45BB-864D-0F43AD8952A9}" type="pres">
      <dgm:prSet presAssocID="{4126E07E-3988-4813-B8E2-3804681F9E3B}" presName="node" presStyleLbl="node1" presStyleIdx="2" presStyleCnt="20">
        <dgm:presLayoutVars>
          <dgm:bulletEnabled val="1"/>
        </dgm:presLayoutVars>
      </dgm:prSet>
      <dgm:spPr/>
    </dgm:pt>
    <dgm:pt modelId="{19B5894F-0B62-43C9-9EE5-2F00D6D07F76}" type="pres">
      <dgm:prSet presAssocID="{E799F350-60A2-4DE2-81BA-A2B850560542}" presName="sibTrans" presStyleCnt="0"/>
      <dgm:spPr/>
    </dgm:pt>
    <dgm:pt modelId="{65F35E10-D53D-4390-BB8C-74157850B32C}" type="pres">
      <dgm:prSet presAssocID="{20263C43-D400-4D3F-BC55-81747A3A6D43}" presName="node" presStyleLbl="node1" presStyleIdx="3" presStyleCnt="20">
        <dgm:presLayoutVars>
          <dgm:bulletEnabled val="1"/>
        </dgm:presLayoutVars>
      </dgm:prSet>
      <dgm:spPr/>
    </dgm:pt>
    <dgm:pt modelId="{2E508FC3-EF60-44D2-8A67-20EE9E46A0B6}" type="pres">
      <dgm:prSet presAssocID="{562470D9-E63D-4B6A-8690-D3201DDD963E}" presName="sibTrans" presStyleCnt="0"/>
      <dgm:spPr/>
    </dgm:pt>
    <dgm:pt modelId="{C5D57C94-F488-4351-96F4-0F096833BF80}" type="pres">
      <dgm:prSet presAssocID="{13522017-D7B8-4379-83A0-63B849FC811E}" presName="node" presStyleLbl="node1" presStyleIdx="4" presStyleCnt="20">
        <dgm:presLayoutVars>
          <dgm:bulletEnabled val="1"/>
        </dgm:presLayoutVars>
      </dgm:prSet>
      <dgm:spPr/>
    </dgm:pt>
    <dgm:pt modelId="{508EC7FB-258D-44C1-980C-57C687638BD3}" type="pres">
      <dgm:prSet presAssocID="{A5B30C40-87F8-422F-94B4-7DFE8FE75CE0}" presName="sibTrans" presStyleCnt="0"/>
      <dgm:spPr/>
    </dgm:pt>
    <dgm:pt modelId="{0844DFF8-E142-4979-947E-7CCF2529CE2B}" type="pres">
      <dgm:prSet presAssocID="{609ADB5B-5510-431F-9997-E6AF016CDDC0}" presName="node" presStyleLbl="node1" presStyleIdx="5" presStyleCnt="20">
        <dgm:presLayoutVars>
          <dgm:bulletEnabled val="1"/>
        </dgm:presLayoutVars>
      </dgm:prSet>
      <dgm:spPr/>
    </dgm:pt>
    <dgm:pt modelId="{9FAC0FF9-95B8-4B8B-8BDA-ED8C29389892}" type="pres">
      <dgm:prSet presAssocID="{425509C3-C528-481E-9073-0DCD700F9B49}" presName="sibTrans" presStyleCnt="0"/>
      <dgm:spPr/>
    </dgm:pt>
    <dgm:pt modelId="{EB99641C-4E93-444F-811E-71CE9FC84AD6}" type="pres">
      <dgm:prSet presAssocID="{5448EE02-E1A9-4C67-9DEA-55A52D5D3070}" presName="node" presStyleLbl="node1" presStyleIdx="6" presStyleCnt="20">
        <dgm:presLayoutVars>
          <dgm:bulletEnabled val="1"/>
        </dgm:presLayoutVars>
      </dgm:prSet>
      <dgm:spPr/>
    </dgm:pt>
    <dgm:pt modelId="{CD5D54E5-DD3A-400C-B9F4-69A41A1BF810}" type="pres">
      <dgm:prSet presAssocID="{C90A4FCC-86ED-4832-BE5D-1370E4E8E6AC}" presName="sibTrans" presStyleCnt="0"/>
      <dgm:spPr/>
    </dgm:pt>
    <dgm:pt modelId="{3047BDF1-051D-43A4-BE73-8F34C8CD29AF}" type="pres">
      <dgm:prSet presAssocID="{B74CF1BE-FE4E-48AB-ADB3-C57C550D6007}" presName="node" presStyleLbl="node1" presStyleIdx="7" presStyleCnt="20">
        <dgm:presLayoutVars>
          <dgm:bulletEnabled val="1"/>
        </dgm:presLayoutVars>
      </dgm:prSet>
      <dgm:spPr/>
    </dgm:pt>
    <dgm:pt modelId="{67CE2CAE-CF58-41C4-B26A-9B1531C64375}" type="pres">
      <dgm:prSet presAssocID="{063A73A1-C27B-46BF-97F2-AE675C6AC2B1}" presName="sibTrans" presStyleCnt="0"/>
      <dgm:spPr/>
    </dgm:pt>
    <dgm:pt modelId="{5088E605-A9B5-4CFA-B0F8-DE71E1AD58D0}" type="pres">
      <dgm:prSet presAssocID="{EEB311B5-1D94-46F9-83A1-2DAC3310AE91}" presName="node" presStyleLbl="node1" presStyleIdx="8" presStyleCnt="20">
        <dgm:presLayoutVars>
          <dgm:bulletEnabled val="1"/>
        </dgm:presLayoutVars>
      </dgm:prSet>
      <dgm:spPr/>
    </dgm:pt>
    <dgm:pt modelId="{187462F4-D1BB-4FBB-BB53-EC7D46EA338D}" type="pres">
      <dgm:prSet presAssocID="{BF257C9D-1652-436A-ACDB-59C49FFF70D4}" presName="sibTrans" presStyleCnt="0"/>
      <dgm:spPr/>
    </dgm:pt>
    <dgm:pt modelId="{4B861EE2-2AAD-4CB7-811E-40EABA718A49}" type="pres">
      <dgm:prSet presAssocID="{E1EB666C-5B11-40E0-825E-0440049C9F44}" presName="node" presStyleLbl="node1" presStyleIdx="9" presStyleCnt="20">
        <dgm:presLayoutVars>
          <dgm:bulletEnabled val="1"/>
        </dgm:presLayoutVars>
      </dgm:prSet>
      <dgm:spPr/>
    </dgm:pt>
    <dgm:pt modelId="{72FAC1BE-3C4C-4101-918D-0C334723A350}" type="pres">
      <dgm:prSet presAssocID="{96A0D1DA-BDF2-4E00-917B-3F1EE50952EF}" presName="sibTrans" presStyleCnt="0"/>
      <dgm:spPr/>
    </dgm:pt>
    <dgm:pt modelId="{7066F5A3-BC19-4848-95EF-5BCA5A794256}" type="pres">
      <dgm:prSet presAssocID="{4A601760-223F-4311-AC9C-94C50E1B0713}" presName="node" presStyleLbl="node1" presStyleIdx="10" presStyleCnt="20">
        <dgm:presLayoutVars>
          <dgm:bulletEnabled val="1"/>
        </dgm:presLayoutVars>
      </dgm:prSet>
      <dgm:spPr/>
    </dgm:pt>
    <dgm:pt modelId="{9BA040C9-CED0-4AB9-887A-DC5527B5CE21}" type="pres">
      <dgm:prSet presAssocID="{F6FA16CF-7356-456E-80B0-C8B84DB12844}" presName="sibTrans" presStyleCnt="0"/>
      <dgm:spPr/>
    </dgm:pt>
    <dgm:pt modelId="{C7418CC0-660D-4282-BD5C-5BA73EBFD0B1}" type="pres">
      <dgm:prSet presAssocID="{5E1C7F28-3EA5-4135-92D9-55244C48E2AC}" presName="node" presStyleLbl="node1" presStyleIdx="11" presStyleCnt="20">
        <dgm:presLayoutVars>
          <dgm:bulletEnabled val="1"/>
        </dgm:presLayoutVars>
      </dgm:prSet>
      <dgm:spPr/>
    </dgm:pt>
    <dgm:pt modelId="{9A5F5C82-45B1-4530-99D9-CADED693F298}" type="pres">
      <dgm:prSet presAssocID="{7B365BEA-560F-4FDD-B829-DA152AFB645A}" presName="sibTrans" presStyleCnt="0"/>
      <dgm:spPr/>
    </dgm:pt>
    <dgm:pt modelId="{8D4E369D-976A-4D2C-A00A-68EC97CDFBAC}" type="pres">
      <dgm:prSet presAssocID="{79CA39A6-C483-48E9-8A54-A4ED07862639}" presName="node" presStyleLbl="node1" presStyleIdx="12" presStyleCnt="20">
        <dgm:presLayoutVars>
          <dgm:bulletEnabled val="1"/>
        </dgm:presLayoutVars>
      </dgm:prSet>
      <dgm:spPr/>
    </dgm:pt>
    <dgm:pt modelId="{003A59E2-70AC-4122-BFEF-1EE5FDF76E6F}" type="pres">
      <dgm:prSet presAssocID="{52467AD5-5CC7-45D3-B4F9-F89DEBAE27B2}" presName="sibTrans" presStyleCnt="0"/>
      <dgm:spPr/>
    </dgm:pt>
    <dgm:pt modelId="{DC76491A-D986-4E34-A0B1-7CA6E5501031}" type="pres">
      <dgm:prSet presAssocID="{63579FB3-28D9-4349-B9A3-3A323373DFD8}" presName="node" presStyleLbl="node1" presStyleIdx="13" presStyleCnt="20">
        <dgm:presLayoutVars>
          <dgm:bulletEnabled val="1"/>
        </dgm:presLayoutVars>
      </dgm:prSet>
      <dgm:spPr/>
    </dgm:pt>
    <dgm:pt modelId="{055F2B44-5C66-4D22-AEF5-806BB2C6D9E9}" type="pres">
      <dgm:prSet presAssocID="{6B453874-7FEF-49BE-8D1E-9DFFE85AED3D}" presName="sibTrans" presStyleCnt="0"/>
      <dgm:spPr/>
    </dgm:pt>
    <dgm:pt modelId="{5332E4A0-AB98-47D0-BD0D-DA26CE7E6DAB}" type="pres">
      <dgm:prSet presAssocID="{4EA5392E-2683-467D-988D-6CDEB9FDB49F}" presName="node" presStyleLbl="node1" presStyleIdx="14" presStyleCnt="20">
        <dgm:presLayoutVars>
          <dgm:bulletEnabled val="1"/>
        </dgm:presLayoutVars>
      </dgm:prSet>
      <dgm:spPr/>
    </dgm:pt>
    <dgm:pt modelId="{C2039DB9-8F31-4008-979D-449835B9C750}" type="pres">
      <dgm:prSet presAssocID="{47AB73C1-9C45-41DC-90CC-23275B841CC8}" presName="sibTrans" presStyleCnt="0"/>
      <dgm:spPr/>
    </dgm:pt>
    <dgm:pt modelId="{00BF136A-AE2E-4276-83E7-CC939798C354}" type="pres">
      <dgm:prSet presAssocID="{0B12CC35-91CF-429F-9525-BC0249726669}" presName="node" presStyleLbl="node1" presStyleIdx="15" presStyleCnt="20">
        <dgm:presLayoutVars>
          <dgm:bulletEnabled val="1"/>
        </dgm:presLayoutVars>
      </dgm:prSet>
      <dgm:spPr/>
    </dgm:pt>
    <dgm:pt modelId="{EF1FCBD7-6BD8-4BDB-8BEB-3E5B78E157B6}" type="pres">
      <dgm:prSet presAssocID="{778A4236-D933-40F1-B708-260AF8DCBFBE}" presName="sibTrans" presStyleCnt="0"/>
      <dgm:spPr/>
    </dgm:pt>
    <dgm:pt modelId="{2DA7AB0E-C85B-480D-BF09-05EC989C88EB}" type="pres">
      <dgm:prSet presAssocID="{4F555CC5-139D-447D-9B1C-9A5FBC6657D9}" presName="node" presStyleLbl="node1" presStyleIdx="16" presStyleCnt="20">
        <dgm:presLayoutVars>
          <dgm:bulletEnabled val="1"/>
        </dgm:presLayoutVars>
      </dgm:prSet>
      <dgm:spPr/>
    </dgm:pt>
    <dgm:pt modelId="{2D29B1E5-3A74-42D5-8A09-58FA9FD3940D}" type="pres">
      <dgm:prSet presAssocID="{78997EB5-CEBF-486A-84E3-8B7AA8BE89A5}" presName="sibTrans" presStyleCnt="0"/>
      <dgm:spPr/>
    </dgm:pt>
    <dgm:pt modelId="{6B6F8F31-3F0F-4F1D-A362-D77A46AD02A3}" type="pres">
      <dgm:prSet presAssocID="{494ED8CD-7255-466D-BB57-2245F3CCA7F4}" presName="node" presStyleLbl="node1" presStyleIdx="17" presStyleCnt="20">
        <dgm:presLayoutVars>
          <dgm:bulletEnabled val="1"/>
        </dgm:presLayoutVars>
      </dgm:prSet>
      <dgm:spPr/>
    </dgm:pt>
    <dgm:pt modelId="{0E963E75-D49B-4F25-B69F-71CF793216A9}" type="pres">
      <dgm:prSet presAssocID="{7D6D9512-6FF4-415B-8DE9-0CF32F7A9493}" presName="sibTrans" presStyleCnt="0"/>
      <dgm:spPr/>
    </dgm:pt>
    <dgm:pt modelId="{9DE3840C-3A44-4C4E-90A9-498F9BE18398}" type="pres">
      <dgm:prSet presAssocID="{75B7B282-E316-471B-A4E4-1E83A58C23BD}" presName="node" presStyleLbl="node1" presStyleIdx="18" presStyleCnt="20">
        <dgm:presLayoutVars>
          <dgm:bulletEnabled val="1"/>
        </dgm:presLayoutVars>
      </dgm:prSet>
      <dgm:spPr/>
    </dgm:pt>
    <dgm:pt modelId="{83A7A901-D9BE-4D80-AEBF-DCEFC95249A4}" type="pres">
      <dgm:prSet presAssocID="{937FA91F-097E-4AB8-87FA-08B727C57005}" presName="sibTrans" presStyleCnt="0"/>
      <dgm:spPr/>
    </dgm:pt>
    <dgm:pt modelId="{42F1B6A2-9925-47E3-AB61-3FF885C49B5B}" type="pres">
      <dgm:prSet presAssocID="{B79CB36B-2C55-4089-911A-FD1C55EAF102}" presName="node" presStyleLbl="node1" presStyleIdx="19" presStyleCnt="20">
        <dgm:presLayoutVars>
          <dgm:bulletEnabled val="1"/>
        </dgm:presLayoutVars>
      </dgm:prSet>
      <dgm:spPr/>
    </dgm:pt>
  </dgm:ptLst>
  <dgm:cxnLst>
    <dgm:cxn modelId="{55E5C204-D5E6-497D-80D6-0D197EBFB33E}" type="presOf" srcId="{1CF8A674-8452-447A-A7C7-9D9648820695}" destId="{225BE892-99A2-410F-B832-90D6333853CD}" srcOrd="0" destOrd="0" presId="urn:microsoft.com/office/officeart/2005/8/layout/default"/>
    <dgm:cxn modelId="{5CE29505-AE73-4AC3-9D09-5C2ACAE7A0D7}" type="presOf" srcId="{4F555CC5-139D-447D-9B1C-9A5FBC6657D9}" destId="{2DA7AB0E-C85B-480D-BF09-05EC989C88EB}" srcOrd="0" destOrd="0" presId="urn:microsoft.com/office/officeart/2005/8/layout/default"/>
    <dgm:cxn modelId="{7462E108-1E64-4D88-978F-4E4E4D31E940}" srcId="{802629D4-2667-4685-8FD6-1824E65C189E}" destId="{79CA39A6-C483-48E9-8A54-A4ED07862639}" srcOrd="12" destOrd="0" parTransId="{75A5910F-E1DC-438A-9276-AF49A526672E}" sibTransId="{52467AD5-5CC7-45D3-B4F9-F89DEBAE27B2}"/>
    <dgm:cxn modelId="{E8CDC110-7FDC-4300-AB04-15C8BEE824D0}" srcId="{802629D4-2667-4685-8FD6-1824E65C189E}" destId="{0B12CC35-91CF-429F-9525-BC0249726669}" srcOrd="15" destOrd="0" parTransId="{2FDF426D-776A-4723-9605-646C287C0BE9}" sibTransId="{778A4236-D933-40F1-B708-260AF8DCBFBE}"/>
    <dgm:cxn modelId="{2F976F15-7149-49A2-BA50-2A7FDEC7DF60}" type="presOf" srcId="{4EA5392E-2683-467D-988D-6CDEB9FDB49F}" destId="{5332E4A0-AB98-47D0-BD0D-DA26CE7E6DAB}" srcOrd="0" destOrd="0" presId="urn:microsoft.com/office/officeart/2005/8/layout/default"/>
    <dgm:cxn modelId="{7EBF2B2B-751C-4966-87B0-4676775D3E47}" srcId="{802629D4-2667-4685-8FD6-1824E65C189E}" destId="{B79CB36B-2C55-4089-911A-FD1C55EAF102}" srcOrd="19" destOrd="0" parTransId="{4E7F1B90-F524-423B-8E48-2D13EB46C992}" sibTransId="{C92FFE9A-B0E4-4B83-AD58-462BD7B1B389}"/>
    <dgm:cxn modelId="{A5EC7D30-042F-4C6A-B05D-F784C2020F62}" type="presOf" srcId="{13522017-D7B8-4379-83A0-63B849FC811E}" destId="{C5D57C94-F488-4351-96F4-0F096833BF80}" srcOrd="0" destOrd="0" presId="urn:microsoft.com/office/officeart/2005/8/layout/default"/>
    <dgm:cxn modelId="{A5DA3232-EBF7-42C8-959A-7ACF0B9B8A69}" srcId="{802629D4-2667-4685-8FD6-1824E65C189E}" destId="{20263C43-D400-4D3F-BC55-81747A3A6D43}" srcOrd="3" destOrd="0" parTransId="{0EB60461-3685-403A-8FC4-145C4B7CD14D}" sibTransId="{562470D9-E63D-4B6A-8690-D3201DDD963E}"/>
    <dgm:cxn modelId="{2D51DA39-E9C3-4D34-92B0-682B1E1238FF}" type="presOf" srcId="{20263C43-D400-4D3F-BC55-81747A3A6D43}" destId="{65F35E10-D53D-4390-BB8C-74157850B32C}" srcOrd="0" destOrd="0" presId="urn:microsoft.com/office/officeart/2005/8/layout/default"/>
    <dgm:cxn modelId="{51785A5B-B14B-4262-876E-D85403963444}" type="presOf" srcId="{EEB311B5-1D94-46F9-83A1-2DAC3310AE91}" destId="{5088E605-A9B5-4CFA-B0F8-DE71E1AD58D0}" srcOrd="0" destOrd="0" presId="urn:microsoft.com/office/officeart/2005/8/layout/default"/>
    <dgm:cxn modelId="{D1751D41-04CA-4996-A9F1-72EEF8BD1699}" srcId="{802629D4-2667-4685-8FD6-1824E65C189E}" destId="{4F555CC5-139D-447D-9B1C-9A5FBC6657D9}" srcOrd="16" destOrd="0" parTransId="{43B17911-D7FC-41F2-8FD4-86866FBA7953}" sibTransId="{78997EB5-CEBF-486A-84E3-8B7AA8BE89A5}"/>
    <dgm:cxn modelId="{C1716163-802B-436C-95B4-2ABDF0282DCA}" srcId="{802629D4-2667-4685-8FD6-1824E65C189E}" destId="{E1EB666C-5B11-40E0-825E-0440049C9F44}" srcOrd="9" destOrd="0" parTransId="{9231F038-5B08-46EC-8C42-F1E4AD731315}" sibTransId="{96A0D1DA-BDF2-4E00-917B-3F1EE50952EF}"/>
    <dgm:cxn modelId="{E9EE1B47-D951-49BA-A0EF-99A393C23AB8}" type="presOf" srcId="{A0E0D163-CC9A-41E4-916F-7CA16C328BDB}" destId="{522576AF-FD0B-4A49-B1C7-5F7E0F34D41E}" srcOrd="0" destOrd="0" presId="urn:microsoft.com/office/officeart/2005/8/layout/default"/>
    <dgm:cxn modelId="{B147EB49-125A-4653-BB42-3C2880FEEF70}" srcId="{802629D4-2667-4685-8FD6-1824E65C189E}" destId="{5E1C7F28-3EA5-4135-92D9-55244C48E2AC}" srcOrd="11" destOrd="0" parTransId="{33387E3E-DE8F-4CAA-9BB8-9AF63DD09D49}" sibTransId="{7B365BEA-560F-4FDD-B829-DA152AFB645A}"/>
    <dgm:cxn modelId="{587B7C4C-2F2B-4FB1-A554-023AB716E340}" type="presOf" srcId="{5E1C7F28-3EA5-4135-92D9-55244C48E2AC}" destId="{C7418CC0-660D-4282-BD5C-5BA73EBFD0B1}" srcOrd="0" destOrd="0" presId="urn:microsoft.com/office/officeart/2005/8/layout/default"/>
    <dgm:cxn modelId="{CF1F1E53-E980-4427-82DE-DD5106FA5A15}" srcId="{802629D4-2667-4685-8FD6-1824E65C189E}" destId="{5448EE02-E1A9-4C67-9DEA-55A52D5D3070}" srcOrd="6" destOrd="0" parTransId="{38A64041-2EDF-4E26-9669-BA9F8F39CEEA}" sibTransId="{C90A4FCC-86ED-4832-BE5D-1370E4E8E6AC}"/>
    <dgm:cxn modelId="{E0588773-6560-471B-A011-75F506456798}" type="presOf" srcId="{63579FB3-28D9-4349-B9A3-3A323373DFD8}" destId="{DC76491A-D986-4E34-A0B1-7CA6E5501031}" srcOrd="0" destOrd="0" presId="urn:microsoft.com/office/officeart/2005/8/layout/default"/>
    <dgm:cxn modelId="{0159CE76-4274-4D00-B0C0-9D884E325F8E}" type="presOf" srcId="{0B12CC35-91CF-429F-9525-BC0249726669}" destId="{00BF136A-AE2E-4276-83E7-CC939798C354}" srcOrd="0" destOrd="0" presId="urn:microsoft.com/office/officeart/2005/8/layout/default"/>
    <dgm:cxn modelId="{5500947A-23D0-45B0-A54F-4B8600AC30F6}" type="presOf" srcId="{79CA39A6-C483-48E9-8A54-A4ED07862639}" destId="{8D4E369D-976A-4D2C-A00A-68EC97CDFBAC}" srcOrd="0" destOrd="0" presId="urn:microsoft.com/office/officeart/2005/8/layout/default"/>
    <dgm:cxn modelId="{62F7897C-6845-4E46-954F-B90050D5F6C3}" srcId="{802629D4-2667-4685-8FD6-1824E65C189E}" destId="{A0E0D163-CC9A-41E4-916F-7CA16C328BDB}" srcOrd="1" destOrd="0" parTransId="{1BD9E067-7BFE-4E35-BC6D-7396A51EEA3F}" sibTransId="{B896DE1C-B96D-4E4C-9040-FE4DF1DA2C19}"/>
    <dgm:cxn modelId="{F61EA47F-A135-4AC5-84E6-92D446943668}" type="presOf" srcId="{5448EE02-E1A9-4C67-9DEA-55A52D5D3070}" destId="{EB99641C-4E93-444F-811E-71CE9FC84AD6}" srcOrd="0" destOrd="0" presId="urn:microsoft.com/office/officeart/2005/8/layout/default"/>
    <dgm:cxn modelId="{404DB282-6E43-4EDC-A5CE-B4B4F3C97D49}" srcId="{802629D4-2667-4685-8FD6-1824E65C189E}" destId="{EEB311B5-1D94-46F9-83A1-2DAC3310AE91}" srcOrd="8" destOrd="0" parTransId="{B64559E8-7A64-4139-A46D-1356CD831A1A}" sibTransId="{BF257C9D-1652-436A-ACDB-59C49FFF70D4}"/>
    <dgm:cxn modelId="{C2273184-332B-4610-BAEB-2BF874CE2F75}" type="presOf" srcId="{75B7B282-E316-471B-A4E4-1E83A58C23BD}" destId="{9DE3840C-3A44-4C4E-90A9-498F9BE18398}" srcOrd="0" destOrd="0" presId="urn:microsoft.com/office/officeart/2005/8/layout/default"/>
    <dgm:cxn modelId="{5096AD97-366D-438B-89CE-516415613CC7}" srcId="{802629D4-2667-4685-8FD6-1824E65C189E}" destId="{13522017-D7B8-4379-83A0-63B849FC811E}" srcOrd="4" destOrd="0" parTransId="{40521EE4-160C-4883-8003-A42440327436}" sibTransId="{A5B30C40-87F8-422F-94B4-7DFE8FE75CE0}"/>
    <dgm:cxn modelId="{E5E0639A-851B-4B4A-9AD2-B9FD13AE99DC}" type="presOf" srcId="{4A601760-223F-4311-AC9C-94C50E1B0713}" destId="{7066F5A3-BC19-4848-95EF-5BCA5A794256}" srcOrd="0" destOrd="0" presId="urn:microsoft.com/office/officeart/2005/8/layout/default"/>
    <dgm:cxn modelId="{34F1D6A1-1AFC-4237-A0FD-EE39CE96B64B}" srcId="{802629D4-2667-4685-8FD6-1824E65C189E}" destId="{4EA5392E-2683-467D-988D-6CDEB9FDB49F}" srcOrd="14" destOrd="0" parTransId="{81015B4D-5F13-46B1-ABB8-82871C0771AE}" sibTransId="{47AB73C1-9C45-41DC-90CC-23275B841CC8}"/>
    <dgm:cxn modelId="{7C79D3A5-3231-47F0-A0F2-4D8CB9BEEBC7}" srcId="{802629D4-2667-4685-8FD6-1824E65C189E}" destId="{B74CF1BE-FE4E-48AB-ADB3-C57C550D6007}" srcOrd="7" destOrd="0" parTransId="{8A237387-31A6-4178-8185-0FBBF6A58DD9}" sibTransId="{063A73A1-C27B-46BF-97F2-AE675C6AC2B1}"/>
    <dgm:cxn modelId="{D8866FA6-2C71-4734-9132-95FBC56412B0}" type="presOf" srcId="{494ED8CD-7255-466D-BB57-2245F3CCA7F4}" destId="{6B6F8F31-3F0F-4F1D-A362-D77A46AD02A3}" srcOrd="0" destOrd="0" presId="urn:microsoft.com/office/officeart/2005/8/layout/default"/>
    <dgm:cxn modelId="{BFD00DAB-27A3-48DA-B743-E3500E2B57CE}" type="presOf" srcId="{4126E07E-3988-4813-B8E2-3804681F9E3B}" destId="{4BD579BD-B7E8-45BB-864D-0F43AD8952A9}" srcOrd="0" destOrd="0" presId="urn:microsoft.com/office/officeart/2005/8/layout/default"/>
    <dgm:cxn modelId="{EC8372B9-EAC5-4C9E-8899-9BCEA0F82326}" srcId="{802629D4-2667-4685-8FD6-1824E65C189E}" destId="{494ED8CD-7255-466D-BB57-2245F3CCA7F4}" srcOrd="17" destOrd="0" parTransId="{7AF0FFCD-BDC4-40BF-AE6F-1C7AB1D67E97}" sibTransId="{7D6D9512-6FF4-415B-8DE9-0CF32F7A9493}"/>
    <dgm:cxn modelId="{6307FDC3-562A-4041-B04F-51BC33823C03}" srcId="{802629D4-2667-4685-8FD6-1824E65C189E}" destId="{1CF8A674-8452-447A-A7C7-9D9648820695}" srcOrd="0" destOrd="0" parTransId="{ABC3F5D9-4CD8-4667-8FD9-AED9FA03A909}" sibTransId="{DD58D469-E53C-4698-B978-5D6A390F61D0}"/>
    <dgm:cxn modelId="{9FE369D2-B54D-40F8-BF1A-C05A7BD8CFE7}" type="presOf" srcId="{B79CB36B-2C55-4089-911A-FD1C55EAF102}" destId="{42F1B6A2-9925-47E3-AB61-3FF885C49B5B}" srcOrd="0" destOrd="0" presId="urn:microsoft.com/office/officeart/2005/8/layout/default"/>
    <dgm:cxn modelId="{7C8556D6-E843-4BCD-9EA9-75466E750327}" srcId="{802629D4-2667-4685-8FD6-1824E65C189E}" destId="{4A601760-223F-4311-AC9C-94C50E1B0713}" srcOrd="10" destOrd="0" parTransId="{754A5013-C6D7-4C42-A756-D7A412420C33}" sibTransId="{F6FA16CF-7356-456E-80B0-C8B84DB12844}"/>
    <dgm:cxn modelId="{A44AA2D9-596A-43F5-ADA7-CE80DCBDCBDA}" srcId="{802629D4-2667-4685-8FD6-1824E65C189E}" destId="{609ADB5B-5510-431F-9997-E6AF016CDDC0}" srcOrd="5" destOrd="0" parTransId="{E05C21C8-2AE6-4146-B163-F87DC8B5A33A}" sibTransId="{425509C3-C528-481E-9073-0DCD700F9B49}"/>
    <dgm:cxn modelId="{D12762DE-C2FB-4BAC-8E47-A25ADD753A0A}" type="presOf" srcId="{E1EB666C-5B11-40E0-825E-0440049C9F44}" destId="{4B861EE2-2AAD-4CB7-811E-40EABA718A49}" srcOrd="0" destOrd="0" presId="urn:microsoft.com/office/officeart/2005/8/layout/default"/>
    <dgm:cxn modelId="{433B89DF-9754-4332-9A91-0C900109E569}" type="presOf" srcId="{802629D4-2667-4685-8FD6-1824E65C189E}" destId="{603E2574-298C-421A-B5B7-C6A22457F332}" srcOrd="0" destOrd="0" presId="urn:microsoft.com/office/officeart/2005/8/layout/default"/>
    <dgm:cxn modelId="{040FB8DF-BCA0-4985-A266-8BBF76E0D4EB}" srcId="{802629D4-2667-4685-8FD6-1824E65C189E}" destId="{75B7B282-E316-471B-A4E4-1E83A58C23BD}" srcOrd="18" destOrd="0" parTransId="{16C46D94-316E-4E2C-AC50-5013BA93D5E9}" sibTransId="{937FA91F-097E-4AB8-87FA-08B727C57005}"/>
    <dgm:cxn modelId="{203137E2-A7B8-4C75-B306-6BDA1B63F76F}" srcId="{802629D4-2667-4685-8FD6-1824E65C189E}" destId="{63579FB3-28D9-4349-B9A3-3A323373DFD8}" srcOrd="13" destOrd="0" parTransId="{DBBD9D0B-1046-4494-A509-197BBF636681}" sibTransId="{6B453874-7FEF-49BE-8D1E-9DFFE85AED3D}"/>
    <dgm:cxn modelId="{00EF7AE5-FE7A-49F2-8D24-0E80E7CAC9D6}" type="presOf" srcId="{B74CF1BE-FE4E-48AB-ADB3-C57C550D6007}" destId="{3047BDF1-051D-43A4-BE73-8F34C8CD29AF}" srcOrd="0" destOrd="0" presId="urn:microsoft.com/office/officeart/2005/8/layout/default"/>
    <dgm:cxn modelId="{F0F10DF3-80B9-45E6-886D-6D469483F8BB}" srcId="{802629D4-2667-4685-8FD6-1824E65C189E}" destId="{4126E07E-3988-4813-B8E2-3804681F9E3B}" srcOrd="2" destOrd="0" parTransId="{A70509CD-B34E-44BC-9DAF-1030D60614BA}" sibTransId="{E799F350-60A2-4DE2-81BA-A2B850560542}"/>
    <dgm:cxn modelId="{002337FA-62F4-4950-86B8-582BB9CD1DB8}" type="presOf" srcId="{609ADB5B-5510-431F-9997-E6AF016CDDC0}" destId="{0844DFF8-E142-4979-947E-7CCF2529CE2B}" srcOrd="0" destOrd="0" presId="urn:microsoft.com/office/officeart/2005/8/layout/default"/>
    <dgm:cxn modelId="{8346586A-194F-4FCD-B03C-6FB2777C3F50}" type="presParOf" srcId="{603E2574-298C-421A-B5B7-C6A22457F332}" destId="{225BE892-99A2-410F-B832-90D6333853CD}" srcOrd="0" destOrd="0" presId="urn:microsoft.com/office/officeart/2005/8/layout/default"/>
    <dgm:cxn modelId="{EE62FBEB-5BB9-4CF6-95D1-CBEBF5201B0F}" type="presParOf" srcId="{603E2574-298C-421A-B5B7-C6A22457F332}" destId="{A76FA073-A558-46C8-BF9E-9C32662B234E}" srcOrd="1" destOrd="0" presId="urn:microsoft.com/office/officeart/2005/8/layout/default"/>
    <dgm:cxn modelId="{3B5064C1-43A8-4BD4-AD62-9194D0588216}" type="presParOf" srcId="{603E2574-298C-421A-B5B7-C6A22457F332}" destId="{522576AF-FD0B-4A49-B1C7-5F7E0F34D41E}" srcOrd="2" destOrd="0" presId="urn:microsoft.com/office/officeart/2005/8/layout/default"/>
    <dgm:cxn modelId="{095DE7A7-DE5B-4B0D-AE7C-ACFE49A9060A}" type="presParOf" srcId="{603E2574-298C-421A-B5B7-C6A22457F332}" destId="{EF068A9D-DEE7-482B-BCF6-C54BD7E3F4C9}" srcOrd="3" destOrd="0" presId="urn:microsoft.com/office/officeart/2005/8/layout/default"/>
    <dgm:cxn modelId="{5B4D21BB-0EA0-4886-9A5B-40712DA027AB}" type="presParOf" srcId="{603E2574-298C-421A-B5B7-C6A22457F332}" destId="{4BD579BD-B7E8-45BB-864D-0F43AD8952A9}" srcOrd="4" destOrd="0" presId="urn:microsoft.com/office/officeart/2005/8/layout/default"/>
    <dgm:cxn modelId="{608D308F-EC13-4BBF-831B-D1E41468AE16}" type="presParOf" srcId="{603E2574-298C-421A-B5B7-C6A22457F332}" destId="{19B5894F-0B62-43C9-9EE5-2F00D6D07F76}" srcOrd="5" destOrd="0" presId="urn:microsoft.com/office/officeart/2005/8/layout/default"/>
    <dgm:cxn modelId="{0B37459C-A449-439B-964C-1C50174F6B7F}" type="presParOf" srcId="{603E2574-298C-421A-B5B7-C6A22457F332}" destId="{65F35E10-D53D-4390-BB8C-74157850B32C}" srcOrd="6" destOrd="0" presId="urn:microsoft.com/office/officeart/2005/8/layout/default"/>
    <dgm:cxn modelId="{B8EAF085-EA3E-4AE5-98BD-255621BACB60}" type="presParOf" srcId="{603E2574-298C-421A-B5B7-C6A22457F332}" destId="{2E508FC3-EF60-44D2-8A67-20EE9E46A0B6}" srcOrd="7" destOrd="0" presId="urn:microsoft.com/office/officeart/2005/8/layout/default"/>
    <dgm:cxn modelId="{CA23CF10-DC61-4338-8A8D-EC7C9A5F95BC}" type="presParOf" srcId="{603E2574-298C-421A-B5B7-C6A22457F332}" destId="{C5D57C94-F488-4351-96F4-0F096833BF80}" srcOrd="8" destOrd="0" presId="urn:microsoft.com/office/officeart/2005/8/layout/default"/>
    <dgm:cxn modelId="{66974EC5-3203-4634-BCF6-58C38620C2BA}" type="presParOf" srcId="{603E2574-298C-421A-B5B7-C6A22457F332}" destId="{508EC7FB-258D-44C1-980C-57C687638BD3}" srcOrd="9" destOrd="0" presId="urn:microsoft.com/office/officeart/2005/8/layout/default"/>
    <dgm:cxn modelId="{2A303131-E8EE-43F6-9299-DB2C5F50365F}" type="presParOf" srcId="{603E2574-298C-421A-B5B7-C6A22457F332}" destId="{0844DFF8-E142-4979-947E-7CCF2529CE2B}" srcOrd="10" destOrd="0" presId="urn:microsoft.com/office/officeart/2005/8/layout/default"/>
    <dgm:cxn modelId="{9390A355-54FB-4527-9E0A-E01263607247}" type="presParOf" srcId="{603E2574-298C-421A-B5B7-C6A22457F332}" destId="{9FAC0FF9-95B8-4B8B-8BDA-ED8C29389892}" srcOrd="11" destOrd="0" presId="urn:microsoft.com/office/officeart/2005/8/layout/default"/>
    <dgm:cxn modelId="{1F82814F-0921-4CED-B1D5-06B5832F9725}" type="presParOf" srcId="{603E2574-298C-421A-B5B7-C6A22457F332}" destId="{EB99641C-4E93-444F-811E-71CE9FC84AD6}" srcOrd="12" destOrd="0" presId="urn:microsoft.com/office/officeart/2005/8/layout/default"/>
    <dgm:cxn modelId="{81044783-C69F-4AEE-9EB8-EA7F6A574EB3}" type="presParOf" srcId="{603E2574-298C-421A-B5B7-C6A22457F332}" destId="{CD5D54E5-DD3A-400C-B9F4-69A41A1BF810}" srcOrd="13" destOrd="0" presId="urn:microsoft.com/office/officeart/2005/8/layout/default"/>
    <dgm:cxn modelId="{0C17574B-450E-429A-A537-EFCB9A47C7A7}" type="presParOf" srcId="{603E2574-298C-421A-B5B7-C6A22457F332}" destId="{3047BDF1-051D-43A4-BE73-8F34C8CD29AF}" srcOrd="14" destOrd="0" presId="urn:microsoft.com/office/officeart/2005/8/layout/default"/>
    <dgm:cxn modelId="{FE0D0D70-512E-4248-8FEE-729D5C414123}" type="presParOf" srcId="{603E2574-298C-421A-B5B7-C6A22457F332}" destId="{67CE2CAE-CF58-41C4-B26A-9B1531C64375}" srcOrd="15" destOrd="0" presId="urn:microsoft.com/office/officeart/2005/8/layout/default"/>
    <dgm:cxn modelId="{5AB9C5C3-8B49-4B26-ABFA-2DAAFED90D5B}" type="presParOf" srcId="{603E2574-298C-421A-B5B7-C6A22457F332}" destId="{5088E605-A9B5-4CFA-B0F8-DE71E1AD58D0}" srcOrd="16" destOrd="0" presId="urn:microsoft.com/office/officeart/2005/8/layout/default"/>
    <dgm:cxn modelId="{35BC724F-EE6F-4D6F-9CEA-46E6F6EFBA56}" type="presParOf" srcId="{603E2574-298C-421A-B5B7-C6A22457F332}" destId="{187462F4-D1BB-4FBB-BB53-EC7D46EA338D}" srcOrd="17" destOrd="0" presId="urn:microsoft.com/office/officeart/2005/8/layout/default"/>
    <dgm:cxn modelId="{4E41A4BC-DFC7-4F79-A42C-419B0261DC67}" type="presParOf" srcId="{603E2574-298C-421A-B5B7-C6A22457F332}" destId="{4B861EE2-2AAD-4CB7-811E-40EABA718A49}" srcOrd="18" destOrd="0" presId="urn:microsoft.com/office/officeart/2005/8/layout/default"/>
    <dgm:cxn modelId="{87F43B15-6C55-46A2-9C13-CCD78F95BED7}" type="presParOf" srcId="{603E2574-298C-421A-B5B7-C6A22457F332}" destId="{72FAC1BE-3C4C-4101-918D-0C334723A350}" srcOrd="19" destOrd="0" presId="urn:microsoft.com/office/officeart/2005/8/layout/default"/>
    <dgm:cxn modelId="{9FF7D118-0AB1-4F87-B03B-281C901F447A}" type="presParOf" srcId="{603E2574-298C-421A-B5B7-C6A22457F332}" destId="{7066F5A3-BC19-4848-95EF-5BCA5A794256}" srcOrd="20" destOrd="0" presId="urn:microsoft.com/office/officeart/2005/8/layout/default"/>
    <dgm:cxn modelId="{924A476C-34B7-4FAA-8FF4-9F80A557FEC3}" type="presParOf" srcId="{603E2574-298C-421A-B5B7-C6A22457F332}" destId="{9BA040C9-CED0-4AB9-887A-DC5527B5CE21}" srcOrd="21" destOrd="0" presId="urn:microsoft.com/office/officeart/2005/8/layout/default"/>
    <dgm:cxn modelId="{6B1E35E6-7F96-4921-B93D-0A8CFF7004C8}" type="presParOf" srcId="{603E2574-298C-421A-B5B7-C6A22457F332}" destId="{C7418CC0-660D-4282-BD5C-5BA73EBFD0B1}" srcOrd="22" destOrd="0" presId="urn:microsoft.com/office/officeart/2005/8/layout/default"/>
    <dgm:cxn modelId="{BFE6D2C9-BA76-4CD9-A13F-4FCC75738833}" type="presParOf" srcId="{603E2574-298C-421A-B5B7-C6A22457F332}" destId="{9A5F5C82-45B1-4530-99D9-CADED693F298}" srcOrd="23" destOrd="0" presId="urn:microsoft.com/office/officeart/2005/8/layout/default"/>
    <dgm:cxn modelId="{F2E0D721-4C54-404D-8764-409E9A6C317E}" type="presParOf" srcId="{603E2574-298C-421A-B5B7-C6A22457F332}" destId="{8D4E369D-976A-4D2C-A00A-68EC97CDFBAC}" srcOrd="24" destOrd="0" presId="urn:microsoft.com/office/officeart/2005/8/layout/default"/>
    <dgm:cxn modelId="{50192685-1972-48AA-BA71-32B0F231134B}" type="presParOf" srcId="{603E2574-298C-421A-B5B7-C6A22457F332}" destId="{003A59E2-70AC-4122-BFEF-1EE5FDF76E6F}" srcOrd="25" destOrd="0" presId="urn:microsoft.com/office/officeart/2005/8/layout/default"/>
    <dgm:cxn modelId="{1A6B1B46-4AE4-49A7-84E7-801F1EA63677}" type="presParOf" srcId="{603E2574-298C-421A-B5B7-C6A22457F332}" destId="{DC76491A-D986-4E34-A0B1-7CA6E5501031}" srcOrd="26" destOrd="0" presId="urn:microsoft.com/office/officeart/2005/8/layout/default"/>
    <dgm:cxn modelId="{493225FB-62B3-48E7-8D01-8A9165BBE89D}" type="presParOf" srcId="{603E2574-298C-421A-B5B7-C6A22457F332}" destId="{055F2B44-5C66-4D22-AEF5-806BB2C6D9E9}" srcOrd="27" destOrd="0" presId="urn:microsoft.com/office/officeart/2005/8/layout/default"/>
    <dgm:cxn modelId="{204146A6-9CA4-43CC-8807-32AF9371D5DB}" type="presParOf" srcId="{603E2574-298C-421A-B5B7-C6A22457F332}" destId="{5332E4A0-AB98-47D0-BD0D-DA26CE7E6DAB}" srcOrd="28" destOrd="0" presId="urn:microsoft.com/office/officeart/2005/8/layout/default"/>
    <dgm:cxn modelId="{F0119F57-6207-4A51-A6C9-842CF9EC9AEB}" type="presParOf" srcId="{603E2574-298C-421A-B5B7-C6A22457F332}" destId="{C2039DB9-8F31-4008-979D-449835B9C750}" srcOrd="29" destOrd="0" presId="urn:microsoft.com/office/officeart/2005/8/layout/default"/>
    <dgm:cxn modelId="{4AC7C9A0-4281-485C-A011-F9A786317629}" type="presParOf" srcId="{603E2574-298C-421A-B5B7-C6A22457F332}" destId="{00BF136A-AE2E-4276-83E7-CC939798C354}" srcOrd="30" destOrd="0" presId="urn:microsoft.com/office/officeart/2005/8/layout/default"/>
    <dgm:cxn modelId="{5D6FE7CC-2457-4997-AEF0-FEEF568E518A}" type="presParOf" srcId="{603E2574-298C-421A-B5B7-C6A22457F332}" destId="{EF1FCBD7-6BD8-4BDB-8BEB-3E5B78E157B6}" srcOrd="31" destOrd="0" presId="urn:microsoft.com/office/officeart/2005/8/layout/default"/>
    <dgm:cxn modelId="{3969EF7C-32F2-468F-837C-8BE2900B0E8C}" type="presParOf" srcId="{603E2574-298C-421A-B5B7-C6A22457F332}" destId="{2DA7AB0E-C85B-480D-BF09-05EC989C88EB}" srcOrd="32" destOrd="0" presId="urn:microsoft.com/office/officeart/2005/8/layout/default"/>
    <dgm:cxn modelId="{909411AC-94E6-43B7-91F1-94792D4F4287}" type="presParOf" srcId="{603E2574-298C-421A-B5B7-C6A22457F332}" destId="{2D29B1E5-3A74-42D5-8A09-58FA9FD3940D}" srcOrd="33" destOrd="0" presId="urn:microsoft.com/office/officeart/2005/8/layout/default"/>
    <dgm:cxn modelId="{FCDEA31A-EE60-44A9-A9F2-E312445DEB78}" type="presParOf" srcId="{603E2574-298C-421A-B5B7-C6A22457F332}" destId="{6B6F8F31-3F0F-4F1D-A362-D77A46AD02A3}" srcOrd="34" destOrd="0" presId="urn:microsoft.com/office/officeart/2005/8/layout/default"/>
    <dgm:cxn modelId="{85A0CC0C-3F97-49F8-B950-D25ECF0B6782}" type="presParOf" srcId="{603E2574-298C-421A-B5B7-C6A22457F332}" destId="{0E963E75-D49B-4F25-B69F-71CF793216A9}" srcOrd="35" destOrd="0" presId="urn:microsoft.com/office/officeart/2005/8/layout/default"/>
    <dgm:cxn modelId="{E21438DC-EADF-4FD1-93DD-B98EBDB6DD26}" type="presParOf" srcId="{603E2574-298C-421A-B5B7-C6A22457F332}" destId="{9DE3840C-3A44-4C4E-90A9-498F9BE18398}" srcOrd="36" destOrd="0" presId="urn:microsoft.com/office/officeart/2005/8/layout/default"/>
    <dgm:cxn modelId="{C82A3842-8AF0-4911-81E6-B10FC68481E3}" type="presParOf" srcId="{603E2574-298C-421A-B5B7-C6A22457F332}" destId="{83A7A901-D9BE-4D80-AEBF-DCEFC95249A4}" srcOrd="37" destOrd="0" presId="urn:microsoft.com/office/officeart/2005/8/layout/default"/>
    <dgm:cxn modelId="{E67FF6D0-ACBD-4034-AA50-CF57AF3C519E}" type="presParOf" srcId="{603E2574-298C-421A-B5B7-C6A22457F332}" destId="{42F1B6A2-9925-47E3-AB61-3FF885C49B5B}" srcOrd="38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25BE892-99A2-410F-B832-90D6333853CD}">
      <dsp:nvSpPr>
        <dsp:cNvPr id="0" name=""/>
        <dsp:cNvSpPr/>
      </dsp:nvSpPr>
      <dsp:spPr>
        <a:xfrm>
          <a:off x="9911" y="3789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Connection and Conversion Reports for Wireline Service Providers</a:t>
          </a:r>
        </a:p>
      </dsp:txBody>
      <dsp:txXfrm>
        <a:off x="9911" y="378960"/>
        <a:ext cx="1481285" cy="888771"/>
      </dsp:txXfrm>
    </dsp:sp>
    <dsp:sp modelId="{522576AF-FD0B-4A49-B1C7-5F7E0F34D41E}">
      <dsp:nvSpPr>
        <dsp:cNvPr id="0" name=""/>
        <dsp:cNvSpPr/>
      </dsp:nvSpPr>
      <dsp:spPr>
        <a:xfrm>
          <a:off x="1639326" y="3789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Inward/Outward</a:t>
          </a:r>
        </a:p>
      </dsp:txBody>
      <dsp:txXfrm>
        <a:off x="1639326" y="378960"/>
        <a:ext cx="1481285" cy="888771"/>
      </dsp:txXfrm>
    </dsp:sp>
    <dsp:sp modelId="{4BD579BD-B7E8-45BB-864D-0F43AD8952A9}">
      <dsp:nvSpPr>
        <dsp:cNvPr id="0" name=""/>
        <dsp:cNvSpPr/>
      </dsp:nvSpPr>
      <dsp:spPr>
        <a:xfrm>
          <a:off x="3268740" y="3789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Participant Emails</a:t>
          </a:r>
        </a:p>
      </dsp:txBody>
      <dsp:txXfrm>
        <a:off x="3268740" y="378960"/>
        <a:ext cx="1481285" cy="888771"/>
      </dsp:txXfrm>
    </dsp:sp>
    <dsp:sp modelId="{65F35E10-D53D-4390-BB8C-74157850B32C}">
      <dsp:nvSpPr>
        <dsp:cNvPr id="0" name=""/>
        <dsp:cNvSpPr/>
      </dsp:nvSpPr>
      <dsp:spPr>
        <a:xfrm>
          <a:off x="4898154" y="3789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Webchat</a:t>
          </a:r>
        </a:p>
      </dsp:txBody>
      <dsp:txXfrm>
        <a:off x="4898154" y="378960"/>
        <a:ext cx="1481285" cy="888771"/>
      </dsp:txXfrm>
    </dsp:sp>
    <dsp:sp modelId="{C5D57C94-F488-4351-96F4-0F096833BF80}">
      <dsp:nvSpPr>
        <dsp:cNvPr id="0" name=""/>
        <dsp:cNvSpPr/>
      </dsp:nvSpPr>
      <dsp:spPr>
        <a:xfrm>
          <a:off x="6527568" y="3789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Waste, Fraud, and Abuse Prevention</a:t>
          </a:r>
        </a:p>
      </dsp:txBody>
      <dsp:txXfrm>
        <a:off x="6527568" y="378960"/>
        <a:ext cx="1481285" cy="888771"/>
      </dsp:txXfrm>
    </dsp:sp>
    <dsp:sp modelId="{0844DFF8-E142-4979-947E-7CCF2529CE2B}">
      <dsp:nvSpPr>
        <dsp:cNvPr id="0" name=""/>
        <dsp:cNvSpPr/>
      </dsp:nvSpPr>
      <dsp:spPr>
        <a:xfrm>
          <a:off x="8156982" y="3789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External Eligibility</a:t>
          </a:r>
        </a:p>
      </dsp:txBody>
      <dsp:txXfrm>
        <a:off x="8156982" y="378960"/>
        <a:ext cx="1481285" cy="888771"/>
      </dsp:txXfrm>
    </dsp:sp>
    <dsp:sp modelId="{EB99641C-4E93-444F-811E-71CE9FC84AD6}">
      <dsp:nvSpPr>
        <dsp:cNvPr id="0" name=""/>
        <dsp:cNvSpPr/>
      </dsp:nvSpPr>
      <dsp:spPr>
        <a:xfrm>
          <a:off x="9786396" y="3789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i="0" kern="1200" dirty="0">
              <a:solidFill>
                <a:schemeClr val="tx1"/>
              </a:solidFill>
            </a:rPr>
            <a:t>Determination Invoice</a:t>
          </a:r>
        </a:p>
      </dsp:txBody>
      <dsp:txXfrm>
        <a:off x="9786396" y="378960"/>
        <a:ext cx="1481285" cy="888771"/>
      </dsp:txXfrm>
    </dsp:sp>
    <dsp:sp modelId="{3047BDF1-051D-43A4-BE73-8F34C8CD29AF}">
      <dsp:nvSpPr>
        <dsp:cNvPr id="0" name=""/>
        <dsp:cNvSpPr/>
      </dsp:nvSpPr>
      <dsp:spPr>
        <a:xfrm>
          <a:off x="9911" y="14158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Outage and TPA System Availability</a:t>
          </a:r>
        </a:p>
      </dsp:txBody>
      <dsp:txXfrm>
        <a:off x="9911" y="1415860"/>
        <a:ext cx="1481285" cy="888771"/>
      </dsp:txXfrm>
    </dsp:sp>
    <dsp:sp modelId="{5088E605-A9B5-4CFA-B0F8-DE71E1AD58D0}">
      <dsp:nvSpPr>
        <dsp:cNvPr id="0" name=""/>
        <dsp:cNvSpPr/>
      </dsp:nvSpPr>
      <dsp:spPr>
        <a:xfrm>
          <a:off x="1639326" y="14158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Inbound Mail</a:t>
          </a:r>
        </a:p>
      </dsp:txBody>
      <dsp:txXfrm>
        <a:off x="1639326" y="1415860"/>
        <a:ext cx="1481285" cy="888771"/>
      </dsp:txXfrm>
    </dsp:sp>
    <dsp:sp modelId="{4B861EE2-2AAD-4CB7-811E-40EABA718A49}">
      <dsp:nvSpPr>
        <dsp:cNvPr id="0" name=""/>
        <dsp:cNvSpPr/>
      </dsp:nvSpPr>
      <dsp:spPr>
        <a:xfrm>
          <a:off x="3268740" y="14158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Outbound Mail</a:t>
          </a:r>
        </a:p>
      </dsp:txBody>
      <dsp:txXfrm>
        <a:off x="3268740" y="1415860"/>
        <a:ext cx="1481285" cy="888771"/>
      </dsp:txXfrm>
    </dsp:sp>
    <dsp:sp modelId="{7066F5A3-BC19-4848-95EF-5BCA5A794256}">
      <dsp:nvSpPr>
        <dsp:cNvPr id="0" name=""/>
        <dsp:cNvSpPr/>
      </dsp:nvSpPr>
      <dsp:spPr>
        <a:xfrm>
          <a:off x="4898154" y="14158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Outbound Dialer</a:t>
          </a:r>
        </a:p>
      </dsp:txBody>
      <dsp:txXfrm>
        <a:off x="4898154" y="1415860"/>
        <a:ext cx="1481285" cy="888771"/>
      </dsp:txXfrm>
    </dsp:sp>
    <dsp:sp modelId="{C7418CC0-660D-4282-BD5C-5BA73EBFD0B1}">
      <dsp:nvSpPr>
        <dsp:cNvPr id="0" name=""/>
        <dsp:cNvSpPr/>
      </dsp:nvSpPr>
      <dsp:spPr>
        <a:xfrm>
          <a:off x="6527568" y="14158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Inbound Calls</a:t>
          </a:r>
        </a:p>
      </dsp:txBody>
      <dsp:txXfrm>
        <a:off x="6527568" y="1415860"/>
        <a:ext cx="1481285" cy="888771"/>
      </dsp:txXfrm>
    </dsp:sp>
    <dsp:sp modelId="{8D4E369D-976A-4D2C-A00A-68EC97CDFBAC}">
      <dsp:nvSpPr>
        <dsp:cNvPr id="0" name=""/>
        <dsp:cNvSpPr/>
      </dsp:nvSpPr>
      <dsp:spPr>
        <a:xfrm>
          <a:off x="8156982" y="14158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TPA Operations</a:t>
          </a:r>
        </a:p>
      </dsp:txBody>
      <dsp:txXfrm>
        <a:off x="8156982" y="1415860"/>
        <a:ext cx="1481285" cy="888771"/>
      </dsp:txXfrm>
    </dsp:sp>
    <dsp:sp modelId="{DC76491A-D986-4E34-A0B1-7CA6E5501031}">
      <dsp:nvSpPr>
        <dsp:cNvPr id="0" name=""/>
        <dsp:cNvSpPr/>
      </dsp:nvSpPr>
      <dsp:spPr>
        <a:xfrm>
          <a:off x="9786396" y="14158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Call Center Invoice</a:t>
          </a:r>
        </a:p>
      </dsp:txBody>
      <dsp:txXfrm>
        <a:off x="9786396" y="1415860"/>
        <a:ext cx="1481285" cy="888771"/>
      </dsp:txXfrm>
    </dsp:sp>
    <dsp:sp modelId="{5332E4A0-AB98-47D0-BD0D-DA26CE7E6DAB}">
      <dsp:nvSpPr>
        <dsp:cNvPr id="0" name=""/>
        <dsp:cNvSpPr/>
      </dsp:nvSpPr>
      <dsp:spPr>
        <a:xfrm>
          <a:off x="824618" y="24527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Daily Service Providers’ Requests and Error Activity</a:t>
          </a:r>
        </a:p>
      </dsp:txBody>
      <dsp:txXfrm>
        <a:off x="824618" y="2452760"/>
        <a:ext cx="1481285" cy="888771"/>
      </dsp:txXfrm>
    </dsp:sp>
    <dsp:sp modelId="{00BF136A-AE2E-4276-83E7-CC939798C354}">
      <dsp:nvSpPr>
        <dsp:cNvPr id="0" name=""/>
        <dsp:cNvSpPr/>
      </dsp:nvSpPr>
      <dsp:spPr>
        <a:xfrm>
          <a:off x="2454033" y="24527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Public Website Analytics</a:t>
          </a:r>
        </a:p>
      </dsp:txBody>
      <dsp:txXfrm>
        <a:off x="2454033" y="2452760"/>
        <a:ext cx="1481285" cy="888771"/>
      </dsp:txXfrm>
    </dsp:sp>
    <dsp:sp modelId="{2DA7AB0E-C85B-480D-BF09-05EC989C88EB}">
      <dsp:nvSpPr>
        <dsp:cNvPr id="0" name=""/>
        <dsp:cNvSpPr/>
      </dsp:nvSpPr>
      <dsp:spPr>
        <a:xfrm>
          <a:off x="4083447" y="24527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National Change of Address</a:t>
          </a:r>
        </a:p>
      </dsp:txBody>
      <dsp:txXfrm>
        <a:off x="4083447" y="2452760"/>
        <a:ext cx="1481285" cy="888771"/>
      </dsp:txXfrm>
    </dsp:sp>
    <dsp:sp modelId="{6B6F8F31-3F0F-4F1D-A362-D77A46AD02A3}">
      <dsp:nvSpPr>
        <dsp:cNvPr id="0" name=""/>
        <dsp:cNvSpPr/>
      </dsp:nvSpPr>
      <dsp:spPr>
        <a:xfrm>
          <a:off x="5712861" y="24527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Enrollment, Caseload, and Population</a:t>
          </a:r>
        </a:p>
      </dsp:txBody>
      <dsp:txXfrm>
        <a:off x="5712861" y="2452760"/>
        <a:ext cx="1481285" cy="888771"/>
      </dsp:txXfrm>
    </dsp:sp>
    <dsp:sp modelId="{9DE3840C-3A44-4C4E-90A9-498F9BE18398}">
      <dsp:nvSpPr>
        <dsp:cNvPr id="0" name=""/>
        <dsp:cNvSpPr/>
      </dsp:nvSpPr>
      <dsp:spPr>
        <a:xfrm>
          <a:off x="7342275" y="24527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Enrollment Statistics</a:t>
          </a:r>
        </a:p>
      </dsp:txBody>
      <dsp:txXfrm>
        <a:off x="7342275" y="2452760"/>
        <a:ext cx="1481285" cy="888771"/>
      </dsp:txXfrm>
    </dsp:sp>
    <dsp:sp modelId="{42F1B6A2-9925-47E3-AB61-3FF885C49B5B}">
      <dsp:nvSpPr>
        <dsp:cNvPr id="0" name=""/>
        <dsp:cNvSpPr/>
      </dsp:nvSpPr>
      <dsp:spPr>
        <a:xfrm>
          <a:off x="8971689" y="2452760"/>
          <a:ext cx="1481285" cy="888771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b="1" kern="1200" dirty="0">
              <a:solidFill>
                <a:schemeClr val="tx1"/>
              </a:solidFill>
            </a:rPr>
            <a:t>Review Queue Snapshot</a:t>
          </a:r>
        </a:p>
      </dsp:txBody>
      <dsp:txXfrm>
        <a:off x="8971689" y="2452760"/>
        <a:ext cx="1481285" cy="888771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E4EE502-1DE0-414E-9C15-0B2705663CEC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458E557-4278-42DC-B083-F285608D599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AF385BA-B95E-4186-86D8-BABFEA880C06}" type="datetimeFigureOut">
              <a:rPr lang="en-US" smtClean="0"/>
              <a:t>3/22/20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DF12F17-502E-47C7-B9CF-F63C2E697CE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D48BE6-41C9-49D5-BF53-07BCB58726B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6297703-F35D-44AF-90AE-8C9527F80DF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604293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EBE06FA-8DFC-4643-A388-580874438022}" type="datetimeFigureOut">
              <a:rPr lang="en-US" smtClean="0"/>
              <a:t>3/22/2023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90867F-770D-4202-805A-3FE73A5D0288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363617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1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8724" y="1572595"/>
            <a:ext cx="11274552" cy="3712811"/>
          </a:xfrm>
        </p:spPr>
        <p:txBody>
          <a:bodyPr anchor="ctr" anchorCtr="0">
            <a:spAutoFit/>
          </a:bodyPr>
          <a:lstStyle>
            <a:lvl1pPr algn="ctr">
              <a:lnSpc>
                <a:spcPct val="80000"/>
              </a:lnSpc>
              <a:spcAft>
                <a:spcPts val="2400"/>
              </a:spcAft>
              <a:defRPr sz="6000" b="0" i="0">
                <a:solidFill>
                  <a:schemeClr val="bg1"/>
                </a:solidFill>
              </a:defRPr>
            </a:lvl1pPr>
            <a:lvl2pPr algn="ctr">
              <a:defRPr sz="3600" b="1">
                <a:solidFill>
                  <a:schemeClr val="bg1"/>
                </a:solidFill>
              </a:defRPr>
            </a:lvl2pPr>
            <a:lvl3pPr algn="ctr">
              <a:defRPr sz="3600">
                <a:solidFill>
                  <a:schemeClr val="bg1"/>
                </a:solidFill>
              </a:defRPr>
            </a:lvl3pPr>
            <a:lvl4pPr marL="0" indent="0" algn="ctr">
              <a:buNone/>
              <a:defRPr sz="2400">
                <a:solidFill>
                  <a:schemeClr val="bg1"/>
                </a:solidFill>
              </a:defRPr>
            </a:lvl4pPr>
            <a:lvl5pPr marL="0" indent="0" algn="ctr">
              <a:buNone/>
              <a:defRPr sz="1800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DF596CAF-F233-4A87-AD06-EDCF9FFEF706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5" y="457200"/>
            <a:ext cx="3606670" cy="45720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4D7DDA8F-287C-4ADD-91C1-23D1E2F28F3F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1881521-6FAA-417A-96C1-310012211E9E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33FF76F-2113-4A71-BA99-9E2FEA5E455F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246ED1D8-AC8B-4877-99C3-890B4124BB6A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A1C5DC76-87D4-4DDB-B894-9F330CD81E2E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609E53C-48F1-4679-A483-25C5D426CFFD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3876E3ED-44E7-4E3B-9531-05B0F1E2980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1A85B1B-79FB-497E-8427-70F2E992FD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77C25B42-BCBC-45D3-A573-D79CF6E0DE71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00164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3744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9ACCD25C-DA1B-45C9-A660-92C9487665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159938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274309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8724" y="1076267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804D29F-FD13-465F-8951-315C9780E4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5894123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Sub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4AD4B79-9454-49D2-AC52-CF193552D08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03CB1A69-F507-4261-80B8-4607BB5DAA8F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58724" y="1737406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715943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l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65C6EEE-2D74-49E2-9EFE-D6C04C31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1096929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1060797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CD18B82-ACDC-4A34-9717-7D698C37226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7200" y="2559430"/>
            <a:ext cx="11277594" cy="37204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ctr">
              <a:defRPr b="0">
                <a:solidFill>
                  <a:schemeClr val="tx1"/>
                </a:solidFill>
              </a:defRPr>
            </a:lvl1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90011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409442"/>
            <a:ext cx="5486400" cy="4039119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02877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45720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4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39050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4246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64126" y="6485443"/>
            <a:ext cx="305392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849EEF3-D014-4609-ABE1-D13B83B7DE47}"/>
              </a:ext>
            </a:extLst>
          </p:cNvPr>
          <p:cNvSpPr/>
          <p:nvPr/>
        </p:nvSpPr>
        <p:spPr>
          <a:xfrm>
            <a:off x="5421745" y="3007445"/>
            <a:ext cx="6541655" cy="362195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BDEAE43-E17D-4B18-BBE7-4508577C59A8}"/>
              </a:ext>
            </a:extLst>
          </p:cNvPr>
          <p:cNvSpPr/>
          <p:nvPr/>
        </p:nvSpPr>
        <p:spPr>
          <a:xfrm>
            <a:off x="5421745" y="228600"/>
            <a:ext cx="6541655" cy="256050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91015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2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544CF600-8977-4B99-922B-A470C2CE113D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463295" y="1856229"/>
            <a:ext cx="5975605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tx1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tx1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tx1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tx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69AE500-AC9E-4AD4-A365-360F9927D365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895867" y="457295"/>
            <a:ext cx="4838933" cy="6400705"/>
          </a:xfrm>
          <a:custGeom>
            <a:avLst/>
            <a:gdLst>
              <a:gd name="connsiteX0" fmla="*/ 0 w 4666183"/>
              <a:gd name="connsiteY0" fmla="*/ 0 h 6172200"/>
              <a:gd name="connsiteX1" fmla="*/ 3633368 w 4666183"/>
              <a:gd name="connsiteY1" fmla="*/ 0 h 6172200"/>
              <a:gd name="connsiteX2" fmla="*/ 3637483 w 4666183"/>
              <a:gd name="connsiteY2" fmla="*/ 0 h 6172200"/>
              <a:gd name="connsiteX3" fmla="*/ 3635426 w 4666183"/>
              <a:gd name="connsiteY3" fmla="*/ 105 h 6172200"/>
              <a:gd name="connsiteX4" fmla="*/ 3738968 w 4666183"/>
              <a:gd name="connsiteY4" fmla="*/ 5333 h 6172200"/>
              <a:gd name="connsiteX5" fmla="*/ 4660851 w 4666183"/>
              <a:gd name="connsiteY5" fmla="*/ 927216 h 6172200"/>
              <a:gd name="connsiteX6" fmla="*/ 4666079 w 4666183"/>
              <a:gd name="connsiteY6" fmla="*/ 1030757 h 6172200"/>
              <a:gd name="connsiteX7" fmla="*/ 4666183 w 4666183"/>
              <a:gd name="connsiteY7" fmla="*/ 1028700 h 6172200"/>
              <a:gd name="connsiteX8" fmla="*/ 4666183 w 4666183"/>
              <a:gd name="connsiteY8" fmla="*/ 1032815 h 6172200"/>
              <a:gd name="connsiteX9" fmla="*/ 4666183 w 4666183"/>
              <a:gd name="connsiteY9" fmla="*/ 6172200 h 6172200"/>
              <a:gd name="connsiteX10" fmla="*/ 0 w 4666183"/>
              <a:gd name="connsiteY10" fmla="*/ 6172200 h 61722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666183" h="6172200">
                <a:moveTo>
                  <a:pt x="0" y="0"/>
                </a:moveTo>
                <a:lnTo>
                  <a:pt x="3633368" y="0"/>
                </a:lnTo>
                <a:lnTo>
                  <a:pt x="3637483" y="0"/>
                </a:lnTo>
                <a:lnTo>
                  <a:pt x="3635426" y="105"/>
                </a:lnTo>
                <a:lnTo>
                  <a:pt x="3738968" y="5333"/>
                </a:lnTo>
                <a:cubicBezTo>
                  <a:pt x="4225051" y="54697"/>
                  <a:pt x="4611487" y="441133"/>
                  <a:pt x="4660851" y="927216"/>
                </a:cubicBezTo>
                <a:lnTo>
                  <a:pt x="4666079" y="1030757"/>
                </a:lnTo>
                <a:lnTo>
                  <a:pt x="4666183" y="1028700"/>
                </a:lnTo>
                <a:lnTo>
                  <a:pt x="4666183" y="1032815"/>
                </a:lnTo>
                <a:lnTo>
                  <a:pt x="4666183" y="6172200"/>
                </a:lnTo>
                <a:lnTo>
                  <a:pt x="0" y="6172200"/>
                </a:lnTo>
                <a:close/>
              </a:path>
            </a:pathLst>
          </a:custGeom>
          <a:solidFill>
            <a:schemeClr val="tx1">
              <a:lumMod val="95000"/>
            </a:schemeClr>
          </a:solidFill>
        </p:spPr>
        <p:txBody>
          <a:bodyPr vert="horz" wrap="square" lIns="0" tIns="0" rIns="0" bIns="0" rtlCol="0" anchor="ctr">
            <a:noAutofit/>
          </a:bodyPr>
          <a:lstStyle>
            <a:lvl1pPr algn="ctr">
              <a:defRPr lang="en-US" sz="1600" b="0" baseline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48" name="Freeform: Shape 47">
            <a:extLst>
              <a:ext uri="{FF2B5EF4-FFF2-40B4-BE49-F238E27FC236}">
                <a16:creationId xmlns:a16="http://schemas.microsoft.com/office/drawing/2014/main" id="{0FA6559E-A6EE-4F7A-BEF2-4452E56DC828}"/>
              </a:ext>
            </a:extLst>
          </p:cNvPr>
          <p:cNvSpPr/>
          <p:nvPr/>
        </p:nvSpPr>
        <p:spPr>
          <a:xfrm>
            <a:off x="0" y="4447238"/>
            <a:ext cx="1745736" cy="2410763"/>
          </a:xfrm>
          <a:custGeom>
            <a:avLst/>
            <a:gdLst>
              <a:gd name="connsiteX0" fmla="*/ 0 w 1745736"/>
              <a:gd name="connsiteY0" fmla="*/ 0 h 2410763"/>
              <a:gd name="connsiteX1" fmla="*/ 1745736 w 1745736"/>
              <a:gd name="connsiteY1" fmla="*/ 2410763 h 2410763"/>
              <a:gd name="connsiteX2" fmla="*/ 0 w 1745736"/>
              <a:gd name="connsiteY2" fmla="*/ 2410763 h 24107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5736" h="2410763">
                <a:moveTo>
                  <a:pt x="0" y="0"/>
                </a:moveTo>
                <a:lnTo>
                  <a:pt x="1745736" y="2410763"/>
                </a:lnTo>
                <a:lnTo>
                  <a:pt x="0" y="2410763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  <p:sp>
        <p:nvSpPr>
          <p:cNvPr id="46" name="Freeform: Shape 45">
            <a:extLst>
              <a:ext uri="{FF2B5EF4-FFF2-40B4-BE49-F238E27FC236}">
                <a16:creationId xmlns:a16="http://schemas.microsoft.com/office/drawing/2014/main" id="{38C3A638-067D-4C72-A84C-E9F38B40D89B}"/>
              </a:ext>
            </a:extLst>
          </p:cNvPr>
          <p:cNvSpPr/>
          <p:nvPr/>
        </p:nvSpPr>
        <p:spPr>
          <a:xfrm>
            <a:off x="0" y="1"/>
            <a:ext cx="1743701" cy="2399681"/>
          </a:xfrm>
          <a:custGeom>
            <a:avLst/>
            <a:gdLst>
              <a:gd name="connsiteX0" fmla="*/ 0 w 1743701"/>
              <a:gd name="connsiteY0" fmla="*/ 0 h 2399681"/>
              <a:gd name="connsiteX1" fmla="*/ 1743701 w 1743701"/>
              <a:gd name="connsiteY1" fmla="*/ 0 h 2399681"/>
              <a:gd name="connsiteX2" fmla="*/ 0 w 1743701"/>
              <a:gd name="connsiteY2" fmla="*/ 2399681 h 239968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3701" h="2399681">
                <a:moveTo>
                  <a:pt x="0" y="0"/>
                </a:moveTo>
                <a:lnTo>
                  <a:pt x="1743701" y="0"/>
                </a:lnTo>
                <a:lnTo>
                  <a:pt x="0" y="2399681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1167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8" pos="4344">
          <p15:clr>
            <a:srgbClr val="FBAE40"/>
          </p15:clr>
        </p15:guide>
        <p15:guide id="9" pos="4200">
          <p15:clr>
            <a:srgbClr val="FBAE40"/>
          </p15:clr>
        </p15:guide>
        <p15:guide id="10" pos="4056">
          <p15:clr>
            <a:srgbClr val="FBAE40"/>
          </p15:clr>
        </p15:guide>
        <p15:guide id="11" pos="7536">
          <p15:clr>
            <a:srgbClr val="FBAE40"/>
          </p15:clr>
        </p15:guide>
        <p15:guide id="12" pos="7392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0703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59333" y="6485690"/>
            <a:ext cx="2904608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B8C5E0FD-165D-4608-9C2F-DC95199C7675}"/>
              </a:ext>
            </a:extLst>
          </p:cNvPr>
          <p:cNvSpPr/>
          <p:nvPr/>
        </p:nvSpPr>
        <p:spPr>
          <a:xfrm>
            <a:off x="5421745" y="228599"/>
            <a:ext cx="6541655" cy="64156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91031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248400" y="1182778"/>
            <a:ext cx="5486400" cy="4492448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5333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984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467600" y="457202"/>
            <a:ext cx="4267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035337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Stacked Bar Graph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0A92291D-DF8C-4B66-87E1-1D98D33A3DB0}"/>
              </a:ext>
            </a:extLst>
          </p:cNvPr>
          <p:cNvSpPr/>
          <p:nvPr/>
        </p:nvSpPr>
        <p:spPr>
          <a:xfrm>
            <a:off x="0" y="0"/>
            <a:ext cx="6858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1167BBE-C2B3-4B6F-B2B6-1B72C19310F1}"/>
              </a:ext>
            </a:extLst>
          </p:cNvPr>
          <p:cNvSpPr/>
          <p:nvPr/>
        </p:nvSpPr>
        <p:spPr>
          <a:xfrm>
            <a:off x="228600" y="35570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3C79DDE-7FE1-4C75-8EFC-AC748CCB3BAD}"/>
              </a:ext>
            </a:extLst>
          </p:cNvPr>
          <p:cNvSpPr/>
          <p:nvPr/>
        </p:nvSpPr>
        <p:spPr>
          <a:xfrm>
            <a:off x="228600" y="2423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010401" y="6515100"/>
            <a:ext cx="296359" cy="228600"/>
          </a:xfrm>
        </p:spPr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5B33E42E-05C5-437E-B1FD-9C2D96B2CDCC}"/>
              </a:ext>
            </a:extLst>
          </p:cNvPr>
          <p:cNvSpPr txBox="1">
            <a:spLocks/>
          </p:cNvSpPr>
          <p:nvPr/>
        </p:nvSpPr>
        <p:spPr>
          <a:xfrm>
            <a:off x="7322342" y="6515100"/>
            <a:ext cx="2929097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39190519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Col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89E9299-EC2D-47FD-ADDA-BC0C48628F18}"/>
              </a:ext>
            </a:extLst>
          </p:cNvPr>
          <p:cNvSpPr/>
          <p:nvPr/>
        </p:nvSpPr>
        <p:spPr>
          <a:xfrm>
            <a:off x="0" y="-6096"/>
            <a:ext cx="4572000" cy="6864096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21920" tIns="60960" rIns="12192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lvl="0" algn="ctr"/>
            <a:endParaRPr lang="en-US" sz="2400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E201459-D08B-4B58-8EBE-983F10EC535F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57201" y="457200"/>
            <a:ext cx="3658508" cy="594360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1"/>
                </a:solidFill>
              </a:defRPr>
            </a:lvl1pPr>
            <a:lvl2pPr algn="l">
              <a:defRPr sz="1800" b="1">
                <a:solidFill>
                  <a:schemeClr val="bg1"/>
                </a:solidFill>
              </a:defRPr>
            </a:lvl2pPr>
            <a:lvl3pPr algn="l">
              <a:defRPr sz="1400">
                <a:solidFill>
                  <a:schemeClr val="bg1"/>
                </a:solidFill>
              </a:defRPr>
            </a:lvl3pPr>
            <a:lvl4pPr algn="l"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 marL="475476" algn="l">
              <a:buClr>
                <a:schemeClr val="bg1">
                  <a:lumMod val="65000"/>
                </a:schemeClr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4741E74-AF81-4148-9E14-11BBE01D944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91FBE0F4-9FA7-47AA-851D-D5500410F0E8}"/>
              </a:ext>
            </a:extLst>
          </p:cNvPr>
          <p:cNvSpPr txBox="1">
            <a:spLocks/>
          </p:cNvSpPr>
          <p:nvPr/>
        </p:nvSpPr>
        <p:spPr>
          <a:xfrm>
            <a:off x="774173" y="6470878"/>
            <a:ext cx="334153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100310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  <p15:guide id="8" pos="2592">
          <p15:clr>
            <a:srgbClr val="FBAE40"/>
          </p15:clr>
        </p15:guide>
        <p15:guide id="9" pos="2736">
          <p15:clr>
            <a:srgbClr val="FBAE40"/>
          </p15:clr>
        </p15:guide>
        <p15:guide id="10" pos="2880">
          <p15:clr>
            <a:srgbClr val="FBAE40"/>
          </p15:clr>
        </p15:guide>
        <p15:guide id="11" pos="3024">
          <p15:clr>
            <a:srgbClr val="FBAE40"/>
          </p15:clr>
        </p15:guide>
        <p15:guide id="12" pos="316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60A530C3-8F59-4E0F-A812-B3CCEF38F12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0765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029181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2807292"/>
            <a:ext cx="6096000" cy="1243417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514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85C8209D-33E6-4861-B580-B682A9C48022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642249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57200"/>
            <a:ext cx="6096000" cy="1089529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482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00601FC2-84EF-406D-97F1-10B0DEB20B1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49364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Text Placeholder 2">
            <a:extLst>
              <a:ext uri="{FF2B5EF4-FFF2-40B4-BE49-F238E27FC236}">
                <a16:creationId xmlns:a16="http://schemas.microsoft.com/office/drawing/2014/main" id="{75D685BD-A577-EA48-AB79-78E89A76F6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638800" y="2008803"/>
            <a:ext cx="6095998" cy="427111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marL="475476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32578"/>
            <a:ext cx="6096000" cy="1138773"/>
          </a:xfrm>
        </p:spPr>
        <p:txBody>
          <a:bodyPr/>
          <a:lstStyle>
            <a:lvl1pPr algn="l"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006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EDF93B50-360D-48AF-8A98-5D163AC8A71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2192692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Title Im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5029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7AC2E674-34E8-4122-8105-B32A44965828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089989" y="609599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E5C505DF-DD76-48EC-9FD1-17DE2065C22F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6089989" y="2614718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1EB4504F-C3A4-46CD-91DE-4134B4DD20D5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6089989" y="4617730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79C33CC-BE94-4A93-987C-93CDDA16171A}"/>
              </a:ext>
            </a:extLst>
          </p:cNvPr>
          <p:cNvCxnSpPr>
            <a:cxnSpLocks/>
          </p:cNvCxnSpPr>
          <p:nvPr/>
        </p:nvCxnSpPr>
        <p:spPr>
          <a:xfrm>
            <a:off x="6089990" y="4433556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45BC642-A0E8-4526-AA7D-DB07A9AD1986}"/>
              </a:ext>
            </a:extLst>
          </p:cNvPr>
          <p:cNvCxnSpPr>
            <a:cxnSpLocks/>
          </p:cNvCxnSpPr>
          <p:nvPr/>
        </p:nvCxnSpPr>
        <p:spPr>
          <a:xfrm>
            <a:off x="6089990" y="2430545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1047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8" name="Picture Placeholder 2">
            <a:extLst>
              <a:ext uri="{FF2B5EF4-FFF2-40B4-BE49-F238E27FC236}">
                <a16:creationId xmlns:a16="http://schemas.microsoft.com/office/drawing/2014/main" id="{B3893579-91D2-254C-B20E-8F23C13B839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-1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69" name="Picture Placeholder 2">
            <a:extLst>
              <a:ext uri="{FF2B5EF4-FFF2-40B4-BE49-F238E27FC236}">
                <a16:creationId xmlns:a16="http://schemas.microsoft.com/office/drawing/2014/main" id="{68DFFF5C-C576-FB47-A6E6-DF31C36642BD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-1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0" name="Picture Placeholder 2">
            <a:extLst>
              <a:ext uri="{FF2B5EF4-FFF2-40B4-BE49-F238E27FC236}">
                <a16:creationId xmlns:a16="http://schemas.microsoft.com/office/drawing/2014/main" id="{0674A712-B576-2641-B3F5-C5D67F02618C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-1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1" name="Picture Placeholder 2">
            <a:extLst>
              <a:ext uri="{FF2B5EF4-FFF2-40B4-BE49-F238E27FC236}">
                <a16:creationId xmlns:a16="http://schemas.microsoft.com/office/drawing/2014/main" id="{328A3B26-0B11-F34E-B08F-8436482F40AE}"/>
              </a:ext>
            </a:extLst>
          </p:cNvPr>
          <p:cNvSpPr>
            <a:spLocks noGrp="1"/>
          </p:cNvSpPr>
          <p:nvPr>
            <p:ph type="pic" sz="quarter" idx="34"/>
          </p:nvPr>
        </p:nvSpPr>
        <p:spPr>
          <a:xfrm>
            <a:off x="9444736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2" name="Picture Placeholder 2">
            <a:extLst>
              <a:ext uri="{FF2B5EF4-FFF2-40B4-BE49-F238E27FC236}">
                <a16:creationId xmlns:a16="http://schemas.microsoft.com/office/drawing/2014/main" id="{7B825D32-817B-BB45-AB47-C6671013BF37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9444736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4" name="Picture Placeholder 2">
            <a:extLst>
              <a:ext uri="{FF2B5EF4-FFF2-40B4-BE49-F238E27FC236}">
                <a16:creationId xmlns:a16="http://schemas.microsoft.com/office/drawing/2014/main" id="{98EC7B97-05E7-7A4E-88DB-DED59D401E0E}"/>
              </a:ext>
            </a:extLst>
          </p:cNvPr>
          <p:cNvSpPr>
            <a:spLocks noGrp="1"/>
          </p:cNvSpPr>
          <p:nvPr>
            <p:ph type="pic" sz="quarter" idx="36"/>
          </p:nvPr>
        </p:nvSpPr>
        <p:spPr>
          <a:xfrm>
            <a:off x="9444736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80" name="Text Placeholder 2">
            <a:extLst>
              <a:ext uri="{FF2B5EF4-FFF2-40B4-BE49-F238E27FC236}">
                <a16:creationId xmlns:a16="http://schemas.microsoft.com/office/drawing/2014/main" id="{0B6FD433-6B1E-4EF2-8E33-BA5EEE72DDCA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3200400" y="1856229"/>
            <a:ext cx="5791200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accent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F7E46A6A-7759-4B13-A8FB-4FF8335DA518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9" y="457199"/>
            <a:ext cx="3606662" cy="457199"/>
            <a:chOff x="2931072" y="-829430"/>
            <a:chExt cx="6003607" cy="761048"/>
          </a:xfrm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E52E071-1D82-48C8-83D7-E3BB83318545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97DA692-63B6-4FA7-AC7C-6174C277DED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BF544205-A5D2-490E-A15C-F46572BEAB2D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15E96FC-E771-4808-8D22-ADA7F96AD4F1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9A698C94-5D0E-4B27-9252-70243AACB98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1D4BDABB-1FA7-4654-B6E8-026E175DB2A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EA55DE5-9DAF-4A69-8F7B-328CA280C083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787D0798-163C-42A7-B7A9-E9FADDF15EFA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37A9C59-C810-4E53-BCED-B132E9881486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116653936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5808">
          <p15:clr>
            <a:srgbClr val="FBAE40"/>
          </p15:clr>
        </p15:guide>
        <p15:guide id="5" pos="5952">
          <p15:clr>
            <a:srgbClr val="FBAE40"/>
          </p15:clr>
        </p15:guide>
        <p15:guide id="8" pos="1728">
          <p15:clr>
            <a:srgbClr val="FBAE40"/>
          </p15:clr>
        </p15:guide>
        <p15:guide id="9" pos="1872">
          <p15:clr>
            <a:srgbClr val="FBAE40"/>
          </p15:clr>
        </p15:guide>
        <p15:guide id="10" pos="2016">
          <p15:clr>
            <a:srgbClr val="FBAE40"/>
          </p15:clr>
        </p15:guide>
        <p15:guide id="11" pos="5664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Im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14F0B4B-AC70-4958-B8D9-CA963F87FA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600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535A8153-41BE-4B59-A111-37ED2D8A479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2859024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D724032F-050D-46C3-B9B2-FA6C750B93F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108448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6076BDE7-EFCD-47D2-ADA7-0CB5B715141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357872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0AEE3F05-2862-48CD-9133-7CF4779F1A9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607296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135729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3ABE601-271A-74A3-8B23-1E41139D572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8" name="Picture 7" descr="Shape, arrow&#10;&#10;Description automatically generated">
            <a:extLst>
              <a:ext uri="{FF2B5EF4-FFF2-40B4-BE49-F238E27FC236}">
                <a16:creationId xmlns:a16="http://schemas.microsoft.com/office/drawing/2014/main" id="{286143AA-10AF-029E-FA4C-9D5D393DF09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07536" y="-3"/>
            <a:ext cx="7001471" cy="6857999"/>
          </a:xfrm>
          <a:prstGeom prst="rect">
            <a:avLst/>
          </a:prstGeom>
        </p:spPr>
      </p:pic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207C2A6F-9724-E478-25BD-54E4D08CFF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8545" y="2194587"/>
            <a:ext cx="6117374" cy="224744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defRPr sz="6000" b="0" i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B7CD5B6-F745-E986-A527-FBB92F6D57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92113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60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2pPr>
            <a:lvl3pPr marL="9144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3pPr>
            <a:lvl4pPr marL="13716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4pPr>
            <a:lvl5pPr marL="18288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724903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Shape, circle&#10;&#10;Description automatically generated">
            <a:extLst>
              <a:ext uri="{FF2B5EF4-FFF2-40B4-BE49-F238E27FC236}">
                <a16:creationId xmlns:a16="http://schemas.microsoft.com/office/drawing/2014/main" id="{33D0EA6E-CB14-731E-CCB8-92C07A8175C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37786" y="0"/>
            <a:ext cx="1854214" cy="1854214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3AF3B55-BF44-F020-85D4-FB9A5E9D0264}"/>
              </a:ext>
            </a:extLst>
          </p:cNvPr>
          <p:cNvSpPr txBox="1"/>
          <p:nvPr userDrawn="1"/>
        </p:nvSpPr>
        <p:spPr>
          <a:xfrm>
            <a:off x="10920914" y="239173"/>
            <a:ext cx="1071154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fld id="{06B0878C-769E-1B43-B7EC-09BB50880372}" type="slidenum">
              <a:rPr lang="en-US" sz="1200">
                <a:solidFill>
                  <a:schemeClr val="bg1"/>
                </a:solidFill>
                <a:latin typeface="Avenir Next" panose="020B0503020202020204" pitchFamily="34" charset="0"/>
              </a:rPr>
              <a:pPr algn="r"/>
              <a:t>‹#›</a:t>
            </a:fld>
            <a:endParaRPr lang="en-US" sz="1200" dirty="0">
              <a:solidFill>
                <a:schemeClr val="bg1"/>
              </a:solidFill>
              <a:latin typeface="Avenir Next" panose="020B0503020202020204" pitchFamily="34" charset="0"/>
            </a:endParaRPr>
          </a:p>
        </p:txBody>
      </p:sp>
      <p:pic>
        <p:nvPicPr>
          <p:cNvPr id="13" name="Picture 12" descr="Shape&#10;&#10;Description automatically generated">
            <a:extLst>
              <a:ext uri="{FF2B5EF4-FFF2-40B4-BE49-F238E27FC236}">
                <a16:creationId xmlns:a16="http://schemas.microsoft.com/office/drawing/2014/main" id="{F3A3361B-D289-263B-C4DB-DAC10DA19A7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93868" y="387226"/>
            <a:ext cx="327022" cy="320597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8DEAEF-FB86-CF42-8BB2-2F5C7D4768E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1964971"/>
            <a:ext cx="7918450" cy="587308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4000" b="0" i="0">
                <a:solidFill>
                  <a:srgbClr val="502E9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635A247-EE8D-65AE-2984-5372D02C70B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2875180"/>
            <a:ext cx="10741025" cy="3123685"/>
          </a:xfrm>
          <a:prstGeom prst="rect">
            <a:avLst/>
          </a:prstGeom>
        </p:spPr>
        <p:txBody>
          <a:bodyPr numCol="2"/>
          <a:lstStyle>
            <a:lvl1pPr marL="0" indent="0">
              <a:buNone/>
              <a:defRPr sz="1800" b="0" i="0"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C1B4DA15-C0E3-D2EA-A62F-831A059075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457200" y="64643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929581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5710AA47-5BC3-7074-A23B-8E6405990FD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9" name="Picture 8" descr="A close up of a person's face&#10;&#10;Description automatically generated with low confidence">
            <a:extLst>
              <a:ext uri="{FF2B5EF4-FFF2-40B4-BE49-F238E27FC236}">
                <a16:creationId xmlns:a16="http://schemas.microsoft.com/office/drawing/2014/main" id="{F5F30B61-D1D5-F3FF-3E42-D03580B761A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14870" y="3010111"/>
            <a:ext cx="4362259" cy="5508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45826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ctr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1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spc="-200">
                <a:solidFill>
                  <a:schemeClr val="bg1"/>
                </a:solidFill>
              </a:defRPr>
            </a:lvl2pPr>
            <a:lvl3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90000"/>
              </a:lnSpc>
              <a:spcBef>
                <a:spcPts val="800"/>
              </a:spcBef>
              <a:buNone/>
              <a:defRPr sz="3733" spc="-67" baseline="0">
                <a:solidFill>
                  <a:schemeClr val="bg1"/>
                </a:solidFill>
              </a:defRPr>
            </a:lvl4pPr>
            <a:lvl5pPr marL="3048" indent="0" algn="ctr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22034" y="6472284"/>
            <a:ext cx="57921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4AFA1941-E604-4149-A950-8E6B4A93A767}"/>
              </a:ext>
            </a:extLst>
          </p:cNvPr>
          <p:cNvGrpSpPr>
            <a:grpSpLocks noChangeAspect="1"/>
          </p:cNvGrpSpPr>
          <p:nvPr/>
        </p:nvGrpSpPr>
        <p:grpSpPr>
          <a:xfrm>
            <a:off x="10180094" y="6431280"/>
            <a:ext cx="1562890" cy="19812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B823C51B-6FA2-4622-A877-CC694A9F839D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AE9DBEA-113C-45A7-AD49-88D224BFE40D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E6FD3941-0CDB-4FE6-860A-510828B14D12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86CE130-FFA8-429E-A61D-1266D3D23403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6EFD2DD6-2F2A-4021-9D00-2B9325616FC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A241D4B2-AA52-4E3D-BA70-FB185FC11D98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39AC82-346E-408E-9BFB-FBD1C1E735F6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337F52D-DD9B-441C-9F46-21CAF37357FB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B3E9936-B162-43AA-B474-9B2B52A4A7AD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4422486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58E0291D-9EB3-4EEE-8502-757D833E6BB9}"/>
              </a:ext>
            </a:extLst>
          </p:cNvPr>
          <p:cNvGrpSpPr/>
          <p:nvPr/>
        </p:nvGrpSpPr>
        <p:grpSpPr>
          <a:xfrm>
            <a:off x="4960467" y="0"/>
            <a:ext cx="7231533" cy="6858000"/>
            <a:chOff x="4960467" y="0"/>
            <a:chExt cx="7231533" cy="6858000"/>
          </a:xfrm>
          <a:solidFill>
            <a:schemeClr val="tx2">
              <a:alpha val="70000"/>
            </a:schemeClr>
          </a:solidFill>
        </p:grpSpPr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8C356984-8A53-44D3-8728-BC163330A500}"/>
                </a:ext>
              </a:extLst>
            </p:cNvPr>
            <p:cNvSpPr/>
            <p:nvPr/>
          </p:nvSpPr>
          <p:spPr>
            <a:xfrm>
              <a:off x="9402667" y="4408356"/>
              <a:ext cx="2789333" cy="2449644"/>
            </a:xfrm>
            <a:custGeom>
              <a:avLst/>
              <a:gdLst>
                <a:gd name="connsiteX0" fmla="*/ 1246456 w 2789333"/>
                <a:gd name="connsiteY0" fmla="*/ 0 h 2449644"/>
                <a:gd name="connsiteX1" fmla="*/ 2789333 w 2789333"/>
                <a:gd name="connsiteY1" fmla="*/ 2130627 h 2449644"/>
                <a:gd name="connsiteX2" fmla="*/ 2789333 w 2789333"/>
                <a:gd name="connsiteY2" fmla="*/ 2449644 h 2449644"/>
                <a:gd name="connsiteX3" fmla="*/ 526043 w 2789333"/>
                <a:gd name="connsiteY3" fmla="*/ 2449644 h 2449644"/>
                <a:gd name="connsiteX4" fmla="*/ 0 w 2789333"/>
                <a:gd name="connsiteY4" fmla="*/ 1725001 h 24496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89333" h="2449644">
                  <a:moveTo>
                    <a:pt x="1246456" y="0"/>
                  </a:moveTo>
                  <a:lnTo>
                    <a:pt x="2789333" y="2130627"/>
                  </a:lnTo>
                  <a:lnTo>
                    <a:pt x="2789333" y="2449644"/>
                  </a:lnTo>
                  <a:lnTo>
                    <a:pt x="526043" y="2449644"/>
                  </a:lnTo>
                  <a:lnTo>
                    <a:pt x="0" y="1725001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0792F183-84B4-4046-A3CD-67B3C688C9AF}"/>
                </a:ext>
              </a:extLst>
            </p:cNvPr>
            <p:cNvSpPr/>
            <p:nvPr/>
          </p:nvSpPr>
          <p:spPr>
            <a:xfrm>
              <a:off x="9413792" y="0"/>
              <a:ext cx="2778208" cy="2438531"/>
            </a:xfrm>
            <a:custGeom>
              <a:avLst/>
              <a:gdLst>
                <a:gd name="connsiteX0" fmla="*/ 526040 w 2778208"/>
                <a:gd name="connsiteY0" fmla="*/ 0 h 2438531"/>
                <a:gd name="connsiteX1" fmla="*/ 2778208 w 2778208"/>
                <a:gd name="connsiteY1" fmla="*/ 0 h 2438531"/>
                <a:gd name="connsiteX2" fmla="*/ 2778208 w 2778208"/>
                <a:gd name="connsiteY2" fmla="*/ 315213 h 2438531"/>
                <a:gd name="connsiteX3" fmla="*/ 1235323 w 2778208"/>
                <a:gd name="connsiteY3" fmla="*/ 2438531 h 2438531"/>
                <a:gd name="connsiteX4" fmla="*/ 0 w 2778208"/>
                <a:gd name="connsiteY4" fmla="*/ 724648 h 243853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78208" h="2438531">
                  <a:moveTo>
                    <a:pt x="526040" y="0"/>
                  </a:moveTo>
                  <a:lnTo>
                    <a:pt x="2778208" y="0"/>
                  </a:lnTo>
                  <a:lnTo>
                    <a:pt x="2778208" y="315213"/>
                  </a:lnTo>
                  <a:lnTo>
                    <a:pt x="1235323" y="2438531"/>
                  </a:lnTo>
                  <a:lnTo>
                    <a:pt x="0" y="72464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DDFE6DF-042B-47EB-9B63-0D0ACB6BA75B}"/>
                </a:ext>
              </a:extLst>
            </p:cNvPr>
            <p:cNvSpPr/>
            <p:nvPr/>
          </p:nvSpPr>
          <p:spPr>
            <a:xfrm>
              <a:off x="4960467" y="0"/>
              <a:ext cx="4976426" cy="6858000"/>
            </a:xfrm>
            <a:custGeom>
              <a:avLst/>
              <a:gdLst>
                <a:gd name="connsiteX0" fmla="*/ 9068 w 4976426"/>
                <a:gd name="connsiteY0" fmla="*/ 0 h 6858000"/>
                <a:gd name="connsiteX1" fmla="*/ 2490843 w 4976426"/>
                <a:gd name="connsiteY1" fmla="*/ 0 h 6858000"/>
                <a:gd name="connsiteX2" fmla="*/ 4976426 w 4976426"/>
                <a:gd name="connsiteY2" fmla="*/ 3429006 h 6858000"/>
                <a:gd name="connsiteX3" fmla="*/ 3741106 w 4976426"/>
                <a:gd name="connsiteY3" fmla="*/ 5131741 h 6858000"/>
                <a:gd name="connsiteX4" fmla="*/ 2475178 w 4976426"/>
                <a:gd name="connsiteY4" fmla="*/ 6858000 h 6858000"/>
                <a:gd name="connsiteX5" fmla="*/ 0 w 4976426"/>
                <a:gd name="connsiteY5" fmla="*/ 6858000 h 6858000"/>
                <a:gd name="connsiteX6" fmla="*/ 2494651 w 4976426"/>
                <a:gd name="connsiteY6" fmla="*/ 3429006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76426" h="6858000">
                  <a:moveTo>
                    <a:pt x="9068" y="0"/>
                  </a:moveTo>
                  <a:lnTo>
                    <a:pt x="2490843" y="0"/>
                  </a:lnTo>
                  <a:lnTo>
                    <a:pt x="4976426" y="3429006"/>
                  </a:lnTo>
                  <a:lnTo>
                    <a:pt x="3741106" y="5131741"/>
                  </a:lnTo>
                  <a:lnTo>
                    <a:pt x="2475178" y="6858000"/>
                  </a:lnTo>
                  <a:lnTo>
                    <a:pt x="0" y="6858000"/>
                  </a:lnTo>
                  <a:lnTo>
                    <a:pt x="2494651" y="3429006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066399"/>
            <a:ext cx="11277600" cy="4143698"/>
          </a:xfrm>
          <a:prstGeom prst="rect">
            <a:avLst/>
          </a:prstGeom>
        </p:spPr>
        <p:txBody>
          <a:bodyPr vert="horz" lIns="0" tIns="0" rIns="0" bIns="0" rtlCol="0" anchor="ctr" anchorCtr="0">
            <a:spAutoFit/>
          </a:bodyPr>
          <a:lstStyle>
            <a:lvl1pPr marL="0" indent="0" algn="l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0">
                <a:solidFill>
                  <a:schemeClr val="bg1"/>
                </a:solidFill>
              </a:defRPr>
            </a:lvl1pPr>
            <a:lvl2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4000" i="0" spc="0">
                <a:solidFill>
                  <a:schemeClr val="bg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3200" spc="0" baseline="0">
                <a:solidFill>
                  <a:schemeClr val="bg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2800" spc="0" baseline="0">
                <a:solidFill>
                  <a:schemeClr val="bg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</a:t>
            </a:r>
            <a:br>
              <a:rPr lang="en-US" dirty="0"/>
            </a:br>
            <a:r>
              <a:rPr lang="en-US" dirty="0"/>
              <a:t>Edit 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83506" y="6484034"/>
            <a:ext cx="49764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3149809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2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b="1" spc="-200">
                <a:solidFill>
                  <a:schemeClr val="tx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tx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3733" b="1" spc="-67" baseline="0">
                <a:solidFill>
                  <a:schemeClr val="tx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9166842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F45E4363-2FCB-41C1-979D-8702DFED09D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652354"/>
            <a:ext cx="11277600" cy="697563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Template Text Styles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0151D55-A115-45D4-B38C-EC1B9816A78E}"/>
              </a:ext>
            </a:extLst>
          </p:cNvPr>
          <p:cNvCxnSpPr/>
          <p:nvPr/>
        </p:nvCxnSpPr>
        <p:spPr>
          <a:xfrm>
            <a:off x="5791200" y="3654704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21967CB-C526-4CCC-BF31-91673D8DBAB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3959493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31488592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7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74028D5-EFEA-4300-998A-7A540A5F9A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283084"/>
            <a:ext cx="11277600" cy="1395126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BA5AFE86-C950-4DAD-A713-819A7036912A}"/>
              </a:ext>
            </a:extLst>
          </p:cNvPr>
          <p:cNvCxnSpPr/>
          <p:nvPr/>
        </p:nvCxnSpPr>
        <p:spPr>
          <a:xfrm>
            <a:off x="5791200" y="3982997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31D3052-E314-4BB7-8CAC-4FA86287D223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4287787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78896923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F8D033E-882F-4905-8721-38F845341B8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524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144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0FDF9DC-5703-4178-B33C-1F784C8F6E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57200"/>
            <a:ext cx="11277600" cy="1243417"/>
          </a:xfrm>
          <a:prstGeom prst="rect">
            <a:avLst/>
          </a:prstGeom>
        </p:spPr>
        <p:txBody>
          <a:bodyPr vert="horz" wrap="square" lIns="0" tIns="45720" rIns="0" bIns="45720" rtlCol="0" anchor="ctr">
            <a:spAutoFit/>
          </a:bodyPr>
          <a:lstStyle/>
          <a:p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43F9B61-FE06-4AD3-BFD0-849AD957C0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58724" y="1964077"/>
            <a:ext cx="11274552" cy="4315845"/>
          </a:xfrm>
          <a:prstGeom prst="rect">
            <a:avLst/>
          </a:prstGeom>
        </p:spPr>
        <p:txBody>
          <a:bodyPr vert="horz" lIns="0" tIns="45720" rIns="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Slide Number Placeholder 61">
            <a:extLst>
              <a:ext uri="{FF2B5EF4-FFF2-40B4-BE49-F238E27FC236}">
                <a16:creationId xmlns:a16="http://schemas.microsoft.com/office/drawing/2014/main" id="{76C2FCC9-2F09-4721-9A6D-A8D770C763C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57200" y="6464300"/>
            <a:ext cx="296359" cy="228600"/>
          </a:xfrm>
          <a:prstGeom prst="rect">
            <a:avLst/>
          </a:prstGeom>
          <a:noFill/>
        </p:spPr>
        <p:txBody>
          <a:bodyPr vert="horz" wrap="none" lIns="91440" tIns="45720" rIns="91440" bIns="45720" rtlCol="0" anchor="ctr" anchorCtr="0">
            <a:noAutofit/>
          </a:bodyPr>
          <a:lstStyle>
            <a:lvl1pPr algn="r">
              <a:defRPr sz="1200" b="1" i="0">
                <a:solidFill>
                  <a:schemeClr val="bg2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5EE6105E-4C9A-4B95-89E5-B4D8F1DCB443}"/>
              </a:ext>
            </a:extLst>
          </p:cNvPr>
          <p:cNvSpPr txBox="1">
            <a:spLocks/>
          </p:cNvSpPr>
          <p:nvPr/>
        </p:nvSpPr>
        <p:spPr>
          <a:xfrm>
            <a:off x="764280" y="6477456"/>
            <a:ext cx="6582701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to the ULTS Administrative Committee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C575405C-B2DF-4F58-9801-02AE2578731C}"/>
              </a:ext>
            </a:extLst>
          </p:cNvPr>
          <p:cNvGrpSpPr>
            <a:grpSpLocks noChangeAspect="1"/>
          </p:cNvGrpSpPr>
          <p:nvPr/>
        </p:nvGrpSpPr>
        <p:grpSpPr>
          <a:xfrm>
            <a:off x="10683863" y="6539890"/>
            <a:ext cx="1066177" cy="135154"/>
            <a:chOff x="2931072" y="-829430"/>
            <a:chExt cx="6003607" cy="761048"/>
          </a:xfrm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D2A2581-A149-4D6E-B65C-0B123B2B9D79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6DC8D56B-3D68-4FE3-9F03-89ACA7EDF220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D45015DA-2801-4267-853F-30DDB91F5BD8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81FEDFE6-6D64-4A15-BC73-D0D3F971885C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8770722C-1442-42DE-9D16-247602FF4D57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E2CBA79E-CAAC-4523-8747-65718A49628E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C80304FC-C366-4BDB-A2C6-4D5741C00D3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54FE65FC-513D-4292-B667-A3E8B71583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1852962B-BF8B-4F79-9667-AEA13077FD18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7820936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0" r:id="rId1"/>
    <p:sldLayoutId id="2147483661" r:id="rId2"/>
    <p:sldLayoutId id="2147483662" r:id="rId3"/>
    <p:sldLayoutId id="2147483663" r:id="rId4"/>
    <p:sldLayoutId id="2147483664" r:id="rId5"/>
    <p:sldLayoutId id="2147483665" r:id="rId6"/>
    <p:sldLayoutId id="2147483666" r:id="rId7"/>
    <p:sldLayoutId id="2147483667" r:id="rId8"/>
    <p:sldLayoutId id="2147483669" r:id="rId9"/>
    <p:sldLayoutId id="2147483670" r:id="rId10"/>
    <p:sldLayoutId id="2147483671" r:id="rId11"/>
    <p:sldLayoutId id="2147483672" r:id="rId12"/>
    <p:sldLayoutId id="2147483673" r:id="rId13"/>
    <p:sldLayoutId id="2147483674" r:id="rId14"/>
    <p:sldLayoutId id="2147483675" r:id="rId15"/>
    <p:sldLayoutId id="2147483676" r:id="rId16"/>
    <p:sldLayoutId id="2147483677" r:id="rId17"/>
    <p:sldLayoutId id="2147483678" r:id="rId18"/>
    <p:sldLayoutId id="2147483679" r:id="rId19"/>
    <p:sldLayoutId id="2147483680" r:id="rId20"/>
    <p:sldLayoutId id="2147483681" r:id="rId21"/>
    <p:sldLayoutId id="2147483682" r:id="rId22"/>
    <p:sldLayoutId id="2147483683" r:id="rId23"/>
    <p:sldLayoutId id="2147483684" r:id="rId24"/>
    <p:sldLayoutId id="2147483685" r:id="rId25"/>
    <p:sldLayoutId id="2147483686" r:id="rId26"/>
    <p:sldLayoutId id="2147483687" r:id="rId27"/>
    <p:sldLayoutId id="2147483688" r:id="rId28"/>
    <p:sldLayoutId id="2147483689" r:id="rId29"/>
    <p:sldLayoutId id="2147483690" r:id="rId30"/>
    <p:sldLayoutId id="2147483692" r:id="rId31"/>
    <p:sldLayoutId id="2147483693" r:id="rId32"/>
    <p:sldLayoutId id="2147483656" r:id="rId33"/>
  </p:sldLayoutIdLst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4400" b="0" i="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800" b="1" kern="1200">
          <a:solidFill>
            <a:schemeClr val="tx1">
              <a:lumMod val="50000"/>
            </a:schemeClr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200" kern="1200">
          <a:solidFill>
            <a:schemeClr val="bg1">
              <a:lumMod val="65000"/>
            </a:schemeClr>
          </a:solidFill>
          <a:latin typeface="+mn-lt"/>
          <a:ea typeface="+mn-ea"/>
          <a:cs typeface="+mn-cs"/>
        </a:defRPr>
      </a:lvl3pPr>
      <a:lvl4pPr marL="17373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5661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4" Type="http://schemas.openxmlformats.org/officeDocument/2006/relationships/image" Target="../media/image7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Relationship Id="rId4" Type="http://schemas.openxmlformats.org/officeDocument/2006/relationships/image" Target="../media/image8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8.xml"/><Relationship Id="rId4" Type="http://schemas.openxmlformats.org/officeDocument/2006/relationships/image" Target="../media/image9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0.xml"/><Relationship Id="rId4" Type="http://schemas.openxmlformats.org/officeDocument/2006/relationships/image" Target="../media/image10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2.xml"/><Relationship Id="rId4" Type="http://schemas.openxmlformats.org/officeDocument/2006/relationships/image" Target="../media/image11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44.xml"/><Relationship Id="rId4" Type="http://schemas.openxmlformats.org/officeDocument/2006/relationships/image" Target="../media/image12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6.xml"/><Relationship Id="rId4" Type="http://schemas.openxmlformats.org/officeDocument/2006/relationships/image" Target="../media/image13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48.xml"/><Relationship Id="rId4" Type="http://schemas.openxmlformats.org/officeDocument/2006/relationships/image" Target="../media/image14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/Relationships>
</file>

<file path=ppt/slides/_rels/slide9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32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6CCEEB-44BC-5A1B-093E-E875800E87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800" dirty="0"/>
              <a:t>California LifeLine Third Party Administrator</a:t>
            </a:r>
            <a:br>
              <a:rPr lang="en-US" sz="4800" dirty="0"/>
            </a:br>
            <a:endParaRPr lang="en-US" sz="4800" dirty="0">
              <a:latin typeface="+mn-l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4CCEEA-5B28-575D-ED20-ECD74435E9C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05979"/>
          </a:xfrm>
        </p:spPr>
        <p:txBody>
          <a:bodyPr>
            <a:normAutofit lnSpcReduction="10000"/>
          </a:bodyPr>
          <a:lstStyle/>
          <a:p>
            <a:r>
              <a:rPr lang="en-US" sz="1600" dirty="0">
                <a:latin typeface="Arial"/>
                <a:cs typeface="Arial"/>
              </a:rPr>
              <a:t>Presentation to the Administrative Committee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sz="1600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07A78BA2-8743-4C64-8AF8-907A5F925590}"/>
              </a:ext>
            </a:extLst>
          </p:cNvPr>
          <p:cNvSpPr txBox="1">
            <a:spLocks/>
          </p:cNvSpPr>
          <p:nvPr/>
        </p:nvSpPr>
        <p:spPr>
          <a:xfrm>
            <a:off x="1338545" y="5190581"/>
            <a:ext cx="6118225" cy="305979"/>
          </a:xfrm>
          <a:prstGeom prst="rect">
            <a:avLst/>
          </a:prstGeom>
        </p:spPr>
        <p:txBody>
          <a:bodyPr vert="horz" lIns="0" tIns="45720" rIns="0" bIns="45720" rtlCol="0">
            <a:normAutofit lnSpcReduction="10000"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600" b="1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bg2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b="0" dirty="0">
                <a:latin typeface="Arial"/>
                <a:cs typeface="Arial"/>
              </a:rPr>
              <a:t>March 30, 2023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34419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4" y="783041"/>
            <a:ext cx="10632462" cy="941255"/>
          </a:xfrm>
        </p:spPr>
        <p:txBody>
          <a:bodyPr>
            <a:noAutofit/>
          </a:bodyPr>
          <a:lstStyle/>
          <a:p>
            <a:r>
              <a:rPr lang="en-US" sz="3200" dirty="0"/>
              <a:t>New TPA Contract Deliverables – </a:t>
            </a:r>
            <a:r>
              <a:rPr lang="en-US" sz="3200" dirty="0">
                <a:solidFill>
                  <a:schemeClr val="tx2"/>
                </a:solidFill>
              </a:rPr>
              <a:t>Expanded Self-help Options for Service Providers</a:t>
            </a:r>
            <a:r>
              <a:rPr lang="en-US" sz="3200" b="1" dirty="0">
                <a:solidFill>
                  <a:schemeClr val="tx2"/>
                </a:solidFill>
              </a:rPr>
              <a:t> </a:t>
            </a:r>
            <a:r>
              <a:rPr lang="en-US" sz="3200" dirty="0"/>
              <a:t> </a:t>
            </a:r>
          </a:p>
          <a:p>
            <a:endParaRPr lang="en-US" sz="32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A8B0728-658B-4444-8652-F4D55563E647}"/>
              </a:ext>
            </a:extLst>
          </p:cNvPr>
          <p:cNvSpPr txBox="1"/>
          <p:nvPr/>
        </p:nvSpPr>
        <p:spPr>
          <a:xfrm>
            <a:off x="676345" y="2148077"/>
            <a:ext cx="4670014" cy="459145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marR="236855" indent="-285750">
              <a:lnSpc>
                <a:spcPct val="91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The TPA’s Daily Review Queue Snapshot is now available in Qlik</a:t>
            </a:r>
          </a:p>
          <a:p>
            <a:pPr marL="285750" marR="236855" indent="-285750">
              <a:lnSpc>
                <a:spcPct val="91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The TPA offers 1 Qlik license per Service Provider</a:t>
            </a:r>
          </a:p>
          <a:p>
            <a:pPr marL="285750" marR="236855" indent="-285750">
              <a:lnSpc>
                <a:spcPct val="91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Service Provider representatives with Qlik access may navigate to Qlik through the Self-Service menu item on the private website</a:t>
            </a:r>
          </a:p>
          <a:p>
            <a:pPr marL="285750" marR="236855" indent="-285750">
              <a:lnSpc>
                <a:spcPct val="91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The Daily Snapshot updates at 5 AM PT daily</a:t>
            </a:r>
          </a:p>
          <a:p>
            <a:pPr marL="285750" marR="236855" indent="-285750">
              <a:lnSpc>
                <a:spcPct val="91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The Historical Snapshots provide a user access to previously published Daily Review Queue Snapshots starting January 25, 2023</a:t>
            </a:r>
          </a:p>
          <a:p>
            <a:pPr marR="236855">
              <a:lnSpc>
                <a:spcPct val="91000"/>
              </a:lnSpc>
              <a:spcBef>
                <a:spcPts val="455"/>
              </a:spcBef>
              <a:spcAft>
                <a:spcPts val="0"/>
              </a:spcAft>
            </a:pPr>
            <a:endParaRPr lang="en-US" sz="1800" dirty="0">
              <a:solidFill>
                <a:schemeClr val="bg2">
                  <a:lumMod val="10000"/>
                </a:schemeClr>
              </a:solidFill>
              <a:cs typeface="Arial" panose="020B0604020202020204" pitchFamily="34" charset="0"/>
            </a:endParaRP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D2745E5-75D6-5007-D347-849140D744A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07319" y="1724296"/>
            <a:ext cx="6583680" cy="1994075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D76C54B8-63E3-5A7D-C0F9-61A58AA74C8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08915" y="4056152"/>
            <a:ext cx="3305175" cy="169545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8405380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5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81755" y="1345348"/>
            <a:ext cx="10741025" cy="4167303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Program Participation – Active LifeLine Subscrib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Wireless:  Response &amp; Approval Rates – All Form Typ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Wireline:  Response &amp; Approval Rates – All Form Typ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Top 5 Denial Reason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Subscriber Count Trends for Largest Service Provid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Enrollment Eligibility Methods – Program versus Income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Enrollment Eligibility Methods – By Qualifying Program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Enrollment Application Volume By Received Channe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Renewal Form Volume By Received Channe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Call Volumes – English &amp; Spanish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Call Volumes – Other Supported Languages</a:t>
            </a:r>
          </a:p>
          <a:p>
            <a:endParaRPr lang="en-US" dirty="0"/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911426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463386"/>
            <a:ext cx="995568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Participation – Active LifeLine Subscriber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1730158"/>
            <a:ext cx="10741025" cy="4167303"/>
          </a:xfrm>
        </p:spPr>
        <p:txBody>
          <a:bodyPr/>
          <a:lstStyle/>
          <a:p>
            <a:endParaRPr lang="en-US" dirty="0"/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1E48660-B14E-46A0-87A7-9A990EABC68C}"/>
              </a:ext>
            </a:extLst>
          </p:cNvPr>
          <p:cNvSpPr txBox="1">
            <a:spLocks/>
          </p:cNvSpPr>
          <p:nvPr/>
        </p:nvSpPr>
        <p:spPr>
          <a:xfrm>
            <a:off x="793184" y="1616516"/>
            <a:ext cx="8437901" cy="1671740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0" lvl="1">
              <a:lnSpc>
                <a:spcPct val="150000"/>
              </a:lnSpc>
              <a:spcBef>
                <a:spcPct val="20000"/>
              </a:spcBef>
            </a:pPr>
            <a:r>
              <a:rPr lang="en-US" sz="1600" i="1" dirty="0">
                <a:solidFill>
                  <a:schemeClr val="tx2"/>
                </a:solidFill>
              </a:rPr>
              <a:t>Current: Total Number of Active LifeLine Subscribers as of March 1, 2023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ess: 954,950</a:t>
            </a:r>
            <a:endParaRPr lang="en-US" sz="1600" dirty="0">
              <a:solidFill>
                <a:schemeClr val="tx2"/>
              </a:solidFill>
              <a:cs typeface="Arial"/>
            </a:endParaRP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ine:  168,776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123,726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E5A4C4-A42F-4009-AE71-B6A53DFA6492}"/>
              </a:ext>
            </a:extLst>
          </p:cNvPr>
          <p:cNvSpPr txBox="1">
            <a:spLocks/>
          </p:cNvSpPr>
          <p:nvPr/>
        </p:nvSpPr>
        <p:spPr>
          <a:xfrm>
            <a:off x="793184" y="3813809"/>
            <a:ext cx="9108461" cy="167174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 indent="0">
              <a:lnSpc>
                <a:spcPct val="150000"/>
              </a:lnSpc>
              <a:spcBef>
                <a:spcPct val="20000"/>
              </a:spcBef>
              <a:buNone/>
            </a:pPr>
            <a:r>
              <a:rPr lang="en-US" sz="1600" i="1" dirty="0">
                <a:solidFill>
                  <a:schemeClr val="tx2"/>
                </a:solidFill>
              </a:rPr>
              <a:t>December 2022 AC Meeting: Total Number of Enrolled Subscribers as of December 1, 2022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ess: 1,029,083</a:t>
            </a:r>
            <a:endParaRPr lang="en-US" sz="1600" dirty="0">
              <a:solidFill>
                <a:schemeClr val="tx2"/>
              </a:solidFill>
              <a:cs typeface="Arial"/>
            </a:endParaRP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ine:  194,518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223,601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31470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wrap="square" anchor="ctr">
            <a:normAutofit/>
          </a:bodyPr>
          <a:lstStyle/>
          <a:p>
            <a:r>
              <a:rPr lang="en-US" sz="3200" dirty="0"/>
              <a:t>Wireless: Response &amp; Approval Rates – All Form Types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71069FB9-F9A7-C41F-9141-CEB75D85A2E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53074238"/>
              </p:ext>
            </p:extLst>
          </p:nvPr>
        </p:nvGraphicFramePr>
        <p:xfrm>
          <a:off x="457200" y="1449727"/>
          <a:ext cx="10812228" cy="431585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631099">
                  <a:extLst>
                    <a:ext uri="{9D8B030D-6E8A-4147-A177-3AD203B41FA5}">
                      <a16:colId xmlns:a16="http://schemas.microsoft.com/office/drawing/2014/main" val="1237093870"/>
                    </a:ext>
                  </a:extLst>
                </a:gridCol>
                <a:gridCol w="1827026">
                  <a:extLst>
                    <a:ext uri="{9D8B030D-6E8A-4147-A177-3AD203B41FA5}">
                      <a16:colId xmlns:a16="http://schemas.microsoft.com/office/drawing/2014/main" val="2015205363"/>
                    </a:ext>
                  </a:extLst>
                </a:gridCol>
                <a:gridCol w="1827026">
                  <a:extLst>
                    <a:ext uri="{9D8B030D-6E8A-4147-A177-3AD203B41FA5}">
                      <a16:colId xmlns:a16="http://schemas.microsoft.com/office/drawing/2014/main" val="4171301667"/>
                    </a:ext>
                  </a:extLst>
                </a:gridCol>
                <a:gridCol w="1873025">
                  <a:extLst>
                    <a:ext uri="{9D8B030D-6E8A-4147-A177-3AD203B41FA5}">
                      <a16:colId xmlns:a16="http://schemas.microsoft.com/office/drawing/2014/main" val="2982651772"/>
                    </a:ext>
                  </a:extLst>
                </a:gridCol>
                <a:gridCol w="1827026">
                  <a:extLst>
                    <a:ext uri="{9D8B030D-6E8A-4147-A177-3AD203B41FA5}">
                      <a16:colId xmlns:a16="http://schemas.microsoft.com/office/drawing/2014/main" val="4082713883"/>
                    </a:ext>
                  </a:extLst>
                </a:gridCol>
                <a:gridCol w="1827026">
                  <a:extLst>
                    <a:ext uri="{9D8B030D-6E8A-4147-A177-3AD203B41FA5}">
                      <a16:colId xmlns:a16="http://schemas.microsoft.com/office/drawing/2014/main" val="3807392095"/>
                    </a:ext>
                  </a:extLst>
                </a:gridCol>
              </a:tblGrid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Month /Year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# Total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# Responded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% Responded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# Approved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% Approved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3220930061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Mar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33,780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22,66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1.7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20,53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8.3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2213573938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Apr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29,631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19,464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2.2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16,73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7.7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1950398268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May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38,954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27,091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1.5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20,227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4.6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1453000013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Jun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effectLst/>
                        </a:rPr>
                        <a:t>137,389</a:t>
                      </a:r>
                      <a:endParaRPr lang="en-US" sz="1600" b="0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22,977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9.5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18,779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6.6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1536787214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Jul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25,364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13,846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0.8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10,915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7.4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3159830670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Aug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91,8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74,339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0.9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71,147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8.2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2193222927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Sep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11,606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88,609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9.1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81,954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6.5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2714443284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Oct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64,66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02,030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76.3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87,79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3.0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2780536860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Nov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56,94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90,49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74.1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77,724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3.3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3985075790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Dec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33,506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78,319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76.4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67,146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3.7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3474367465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Jan 202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90,680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65,39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6.7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58,92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6.1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3592821067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Feb 202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63,871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39,387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5.1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33,277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5.6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259664716"/>
                  </a:ext>
                </a:extLst>
              </a:tr>
              <a:tr h="308275"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Total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,178,214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,844,609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4.7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,765,151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effectLst/>
                        </a:rPr>
                        <a:t>95.7%</a:t>
                      </a:r>
                      <a:endParaRPr lang="en-US" sz="1600" b="0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10127" marR="10127" marT="10127" marB="0" anchor="b"/>
                </a:tc>
                <a:extLst>
                  <a:ext uri="{0D108BD9-81ED-4DB2-BD59-A6C34878D82A}">
                    <a16:rowId xmlns:a16="http://schemas.microsoft.com/office/drawing/2014/main" val="3619050232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310795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wrap="square" anchor="ctr">
            <a:normAutofit/>
          </a:bodyPr>
          <a:lstStyle/>
          <a:p>
            <a:r>
              <a:rPr lang="en-US" sz="3200" dirty="0"/>
              <a:t>Wireline: Response &amp; Approval Rates – All Form Types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F90BC534-93B2-BA86-A701-EA7FCFD813A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76970808"/>
              </p:ext>
            </p:extLst>
          </p:nvPr>
        </p:nvGraphicFramePr>
        <p:xfrm>
          <a:off x="457200" y="1554502"/>
          <a:ext cx="10475965" cy="431584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514449">
                  <a:extLst>
                    <a:ext uri="{9D8B030D-6E8A-4147-A177-3AD203B41FA5}">
                      <a16:colId xmlns:a16="http://schemas.microsoft.com/office/drawing/2014/main" val="2054021899"/>
                    </a:ext>
                  </a:extLst>
                </a:gridCol>
                <a:gridCol w="1783319">
                  <a:extLst>
                    <a:ext uri="{9D8B030D-6E8A-4147-A177-3AD203B41FA5}">
                      <a16:colId xmlns:a16="http://schemas.microsoft.com/office/drawing/2014/main" val="1929127504"/>
                    </a:ext>
                  </a:extLst>
                </a:gridCol>
                <a:gridCol w="1783319">
                  <a:extLst>
                    <a:ext uri="{9D8B030D-6E8A-4147-A177-3AD203B41FA5}">
                      <a16:colId xmlns:a16="http://schemas.microsoft.com/office/drawing/2014/main" val="1463505013"/>
                    </a:ext>
                  </a:extLst>
                </a:gridCol>
                <a:gridCol w="1828240">
                  <a:extLst>
                    <a:ext uri="{9D8B030D-6E8A-4147-A177-3AD203B41FA5}">
                      <a16:colId xmlns:a16="http://schemas.microsoft.com/office/drawing/2014/main" val="2221581723"/>
                    </a:ext>
                  </a:extLst>
                </a:gridCol>
                <a:gridCol w="1783319">
                  <a:extLst>
                    <a:ext uri="{9D8B030D-6E8A-4147-A177-3AD203B41FA5}">
                      <a16:colId xmlns:a16="http://schemas.microsoft.com/office/drawing/2014/main" val="752427042"/>
                    </a:ext>
                  </a:extLst>
                </a:gridCol>
                <a:gridCol w="1783319">
                  <a:extLst>
                    <a:ext uri="{9D8B030D-6E8A-4147-A177-3AD203B41FA5}">
                      <a16:colId xmlns:a16="http://schemas.microsoft.com/office/drawing/2014/main" val="2446593007"/>
                    </a:ext>
                  </a:extLst>
                </a:gridCol>
              </a:tblGrid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Month Year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# Total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# Responded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% Responded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# Approved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% Approved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492960299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Mar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3,146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,41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76.7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,255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3.5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2894350061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 dirty="0">
                          <a:effectLst/>
                        </a:rPr>
                        <a:t>Apr 2022</a:t>
                      </a:r>
                      <a:endParaRPr lang="en-US" sz="1600" b="0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,575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,70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66.3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,58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2.7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3591376913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May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3,010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,126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70.6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,97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3.0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979241994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Jun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,41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,600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66.3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,471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1.9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3870071606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Jul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effectLst/>
                        </a:rPr>
                        <a:t>2,345</a:t>
                      </a:r>
                      <a:endParaRPr lang="en-US" sz="1600" b="0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,52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65.2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,405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2.0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2551988516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Aug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7,47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6,80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6.1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6,56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8.6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3599487322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Sep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46,585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43,760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3.9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42,580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7.3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2059805099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Oct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46,53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38,09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1.9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36,281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5.2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3979418201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Nov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48,654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38,01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78.1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36,137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5.1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1517874246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Dec 202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33,54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5,97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77.4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4,844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5.6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3555022536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Jan 202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6,03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3,44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3.9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2,867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95.7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54285324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Feb 202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6,626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5,16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78.0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4,57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8.5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2210991466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u="none" strike="noStrike">
                          <a:effectLst/>
                        </a:rPr>
                        <a:t>Mar 202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5,060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3,117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61.6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,603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3.5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4068218388"/>
                  </a:ext>
                </a:extLst>
              </a:tr>
              <a:tr h="287723"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Total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34,004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93,752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82.8%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85,138</a:t>
                      </a:r>
                      <a:endParaRPr lang="en-US" sz="1600" b="0" i="0" u="none" strike="noStrike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effectLst/>
                        </a:rPr>
                        <a:t>95.6%</a:t>
                      </a:r>
                      <a:endParaRPr lang="en-US" sz="1600" b="0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452" marR="9452" marT="9452" marB="0" anchor="b"/>
                </a:tc>
                <a:extLst>
                  <a:ext uri="{0D108BD9-81ED-4DB2-BD59-A6C34878D82A}">
                    <a16:rowId xmlns:a16="http://schemas.microsoft.com/office/drawing/2014/main" val="749958930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9855550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5" y="407166"/>
            <a:ext cx="10496531" cy="587308"/>
          </a:xfrm>
        </p:spPr>
        <p:txBody>
          <a:bodyPr>
            <a:noAutofit/>
          </a:bodyPr>
          <a:lstStyle/>
          <a:p>
            <a:r>
              <a:rPr lang="en-US" sz="3200" dirty="0"/>
              <a:t>Top 5 Denial Reasons: March 2022 – February 2023</a:t>
            </a:r>
          </a:p>
        </p:txBody>
      </p:sp>
      <p:pic>
        <p:nvPicPr>
          <p:cNvPr id="7" name="Picture 6" descr="Chart, bar chart&#10;&#10;Description automatically generated">
            <a:extLst>
              <a:ext uri="{FF2B5EF4-FFF2-40B4-BE49-F238E27FC236}">
                <a16:creationId xmlns:a16="http://schemas.microsoft.com/office/drawing/2014/main" id="{1EBFEE8D-81B4-454C-02C4-123D9018BE7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66320" y="922286"/>
            <a:ext cx="5971429" cy="3304762"/>
          </a:xfrm>
          <a:prstGeom prst="rect">
            <a:avLst/>
          </a:prstGeom>
        </p:spPr>
      </p:pic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B1C0444D-A0EE-3384-8F6F-50D280BEFF7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58675731"/>
              </p:ext>
            </p:extLst>
          </p:nvPr>
        </p:nvGraphicFramePr>
        <p:xfrm>
          <a:off x="952206" y="4227048"/>
          <a:ext cx="10386356" cy="2265553"/>
        </p:xfrm>
        <a:graphic>
          <a:graphicData uri="http://schemas.openxmlformats.org/drawingml/2006/table">
            <a:tbl>
              <a:tblPr firstRow="1" firstCol="1"/>
              <a:tblGrid>
                <a:gridCol w="2596589">
                  <a:extLst>
                    <a:ext uri="{9D8B030D-6E8A-4147-A177-3AD203B41FA5}">
                      <a16:colId xmlns:a16="http://schemas.microsoft.com/office/drawing/2014/main" val="3704812765"/>
                    </a:ext>
                  </a:extLst>
                </a:gridCol>
                <a:gridCol w="2596589">
                  <a:extLst>
                    <a:ext uri="{9D8B030D-6E8A-4147-A177-3AD203B41FA5}">
                      <a16:colId xmlns:a16="http://schemas.microsoft.com/office/drawing/2014/main" val="1163119582"/>
                    </a:ext>
                  </a:extLst>
                </a:gridCol>
                <a:gridCol w="2596589">
                  <a:extLst>
                    <a:ext uri="{9D8B030D-6E8A-4147-A177-3AD203B41FA5}">
                      <a16:colId xmlns:a16="http://schemas.microsoft.com/office/drawing/2014/main" val="3536999531"/>
                    </a:ext>
                  </a:extLst>
                </a:gridCol>
                <a:gridCol w="2596589">
                  <a:extLst>
                    <a:ext uri="{9D8B030D-6E8A-4147-A177-3AD203B41FA5}">
                      <a16:colId xmlns:a16="http://schemas.microsoft.com/office/drawing/2014/main" val="3342563521"/>
                    </a:ext>
                  </a:extLst>
                </a:gridCol>
              </a:tblGrid>
              <a:tr h="185287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1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nial Code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0000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1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Type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0000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1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Form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0000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1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scription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000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37668873"/>
                  </a:ext>
                </a:extLst>
              </a:tr>
              <a:tr h="421107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2-15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79646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Correctible Denial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79646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Renewal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79646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ailure to return the renewal form by the due date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79646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70586731"/>
                  </a:ext>
                </a:extLst>
              </a:tr>
              <a:tr h="41268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4-8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ABF8F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Hard Denial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ABF8F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Renewal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ABF8F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ailure to return the renewal form by the due date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ABF8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09699277"/>
                  </a:ext>
                </a:extLst>
              </a:tr>
              <a:tr h="41268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-9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5D9F1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Hard Denial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5D9F1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pplication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5D9F1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ailure to return the application form by the due date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5D9F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31694442"/>
                  </a:ext>
                </a:extLst>
              </a:tr>
              <a:tr h="41268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-22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4F81B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Correctible Denial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4F81B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pplication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4F81BD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ocumentation does not meet the eligibility guidelines.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4F81B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59406770"/>
                  </a:ext>
                </a:extLst>
              </a:tr>
              <a:tr h="421107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-16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8DB4E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Hard Denial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8DB4E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pplication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8DB4E2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ailure to return ID verification form and documentation</a:t>
                      </a:r>
                    </a:p>
                  </a:txBody>
                  <a:tcPr marL="8422" marR="8422" marT="8422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8DB4E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0360396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7425081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diagram&#10;&#10;Description automatically generated">
            <a:extLst>
              <a:ext uri="{FF2B5EF4-FFF2-40B4-BE49-F238E27FC236}">
                <a16:creationId xmlns:a16="http://schemas.microsoft.com/office/drawing/2014/main" id="{5EAE1F45-515D-4EC9-C398-BAD3E2F6825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8788" y="1942525"/>
            <a:ext cx="11274425" cy="2677674"/>
          </a:xfrm>
          <a:prstGeom prst="rect">
            <a:avLst/>
          </a:prstGeom>
          <a:noFill/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Top 5 Service Providers by Subscriber Count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3966379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Chart, bar chart&#10;&#10;Description automatically generated">
            <a:extLst>
              <a:ext uri="{FF2B5EF4-FFF2-40B4-BE49-F238E27FC236}">
                <a16:creationId xmlns:a16="http://schemas.microsoft.com/office/drawing/2014/main" id="{C679DDF8-FE86-9917-378E-FD10BEEDD78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8788" y="1111035"/>
            <a:ext cx="11274425" cy="4340654"/>
          </a:xfrm>
          <a:prstGeom prst="rect">
            <a:avLst/>
          </a:prstGeom>
          <a:noFill/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Enrollment Eligibility Methods – Program versus Incom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7099521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9025" y="454874"/>
            <a:ext cx="10273003" cy="587308"/>
          </a:xfrm>
        </p:spPr>
        <p:txBody>
          <a:bodyPr>
            <a:noAutofit/>
          </a:bodyPr>
          <a:lstStyle/>
          <a:p>
            <a:r>
              <a:rPr lang="en-US" sz="3200" dirty="0"/>
              <a:t>Enrollment Eligibility Methods – By Qualifying Program</a:t>
            </a:r>
          </a:p>
        </p:txBody>
      </p:sp>
      <p:pic>
        <p:nvPicPr>
          <p:cNvPr id="5" name="Picture 4" descr="Chart, sunburst chart&#10;&#10;Description automatically generated">
            <a:extLst>
              <a:ext uri="{FF2B5EF4-FFF2-40B4-BE49-F238E27FC236}">
                <a16:creationId xmlns:a16="http://schemas.microsoft.com/office/drawing/2014/main" id="{45B9CD45-C495-0FAE-A861-A183F667382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1042182"/>
            <a:ext cx="12192000" cy="507946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120559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5131" y="257175"/>
            <a:ext cx="11277600" cy="823145"/>
          </a:xfrm>
        </p:spPr>
        <p:txBody>
          <a:bodyPr wrap="square" anchor="ctr">
            <a:noAutofit/>
          </a:bodyPr>
          <a:lstStyle/>
          <a:p>
            <a:r>
              <a:rPr lang="en-US" sz="3200" dirty="0"/>
              <a:t>Enrollment Application Volume By Received Channel</a:t>
            </a:r>
            <a:br>
              <a:rPr lang="en-US" sz="3200" dirty="0"/>
            </a:br>
            <a:r>
              <a:rPr lang="en-US" sz="2000" dirty="0"/>
              <a:t>March 2022 through February 2023</a:t>
            </a:r>
          </a:p>
        </p:txBody>
      </p:sp>
      <p:pic>
        <p:nvPicPr>
          <p:cNvPr id="4" name="Picture 3" descr="Chart, bar chart&#10;&#10;Description automatically generated">
            <a:extLst>
              <a:ext uri="{FF2B5EF4-FFF2-40B4-BE49-F238E27FC236}">
                <a16:creationId xmlns:a16="http://schemas.microsoft.com/office/drawing/2014/main" id="{37138549-8411-9F8E-29E6-B0C320BE084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1014996"/>
            <a:ext cx="12192000" cy="482800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2009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980902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Renewal Process Resumption – Statistics and Progres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793185" y="1646950"/>
            <a:ext cx="10379912" cy="446789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July 1 through October 31 “Catch Up” Period [Subscribers Active Through Entire Renewal Timeline]: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476,530 renewal processes started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28.76% required Household Worksheets (HHWS)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18.66% “Day 0” CalFresh Confirm PASS rate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  3.81% CalFresh Confirm PASS rate before issuing a soft denial due to nonresponse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  1.23% CalFresh Confirm PASS rate before issuing a hard denial due to nonresponse</a:t>
            </a:r>
          </a:p>
          <a:p>
            <a:pPr marL="742950" lvl="1" indent="-285750">
              <a:spcBef>
                <a:spcPts val="8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Final decisions </a:t>
            </a:r>
          </a:p>
          <a:p>
            <a:pPr marL="1200150" lvl="2" indent="-285750">
              <a:spcBef>
                <a:spcPts val="800"/>
              </a:spcBef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Approved – initial form:          264,784</a:t>
            </a:r>
          </a:p>
          <a:p>
            <a:pPr marL="1200150" lvl="2" indent="-285750">
              <a:spcBef>
                <a:spcPts val="800"/>
              </a:spcBef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Approved – 2nd form:              31,292</a:t>
            </a:r>
          </a:p>
          <a:p>
            <a:pPr marL="1200150" lvl="2" indent="-285750">
              <a:spcBef>
                <a:spcPts val="800"/>
              </a:spcBef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Hard denied – initial form:          1,133 </a:t>
            </a:r>
          </a:p>
          <a:p>
            <a:pPr marL="1200150" lvl="2" indent="-285750">
              <a:spcBef>
                <a:spcPts val="800"/>
              </a:spcBef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Hard denied – 2nd form:         114,544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0972533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43001" y="344788"/>
            <a:ext cx="10273003" cy="941198"/>
          </a:xfrm>
        </p:spPr>
        <p:txBody>
          <a:bodyPr>
            <a:noAutofit/>
          </a:bodyPr>
          <a:lstStyle/>
          <a:p>
            <a:r>
              <a:rPr lang="en-US" sz="3200" dirty="0"/>
              <a:t>Renewal Form Volume By Received Channel </a:t>
            </a:r>
          </a:p>
          <a:p>
            <a:r>
              <a:rPr lang="en-US" sz="2000" dirty="0"/>
              <a:t>March 2022 – February 2023</a:t>
            </a:r>
          </a:p>
        </p:txBody>
      </p:sp>
      <p:pic>
        <p:nvPicPr>
          <p:cNvPr id="5" name="Picture 4" descr="Chart, bar chart&#10;&#10;Description automatically generated">
            <a:extLst>
              <a:ext uri="{FF2B5EF4-FFF2-40B4-BE49-F238E27FC236}">
                <a16:creationId xmlns:a16="http://schemas.microsoft.com/office/drawing/2014/main" id="{61302657-6D3A-F395-031F-0833C68504E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1285986"/>
            <a:ext cx="12192000" cy="482934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370043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Chart, bar chart&#10;&#10;Description automatically generated">
            <a:extLst>
              <a:ext uri="{FF2B5EF4-FFF2-40B4-BE49-F238E27FC236}">
                <a16:creationId xmlns:a16="http://schemas.microsoft.com/office/drawing/2014/main" id="{696A359D-6EF6-569D-2E3A-9C26AF069FD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2598" y="1648295"/>
            <a:ext cx="8944754" cy="4315845"/>
          </a:xfrm>
          <a:prstGeom prst="rect">
            <a:avLst/>
          </a:prstGeom>
          <a:noFill/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Monthly Inbound Call Volumes – English &amp; Spanish</a:t>
            </a:r>
            <a:br>
              <a:rPr lang="en-US" sz="3700" dirty="0"/>
            </a:br>
            <a:r>
              <a:rPr lang="en-US" sz="2000" dirty="0"/>
              <a:t>March 2022 through February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2900318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Chart, bar chart&#10;&#10;Description automatically generated">
            <a:extLst>
              <a:ext uri="{FF2B5EF4-FFF2-40B4-BE49-F238E27FC236}">
                <a16:creationId xmlns:a16="http://schemas.microsoft.com/office/drawing/2014/main" id="{B46CFB72-8BFF-2AA5-3B22-597322D14DF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669491" y="1964077"/>
            <a:ext cx="8853017" cy="4315845"/>
          </a:xfrm>
          <a:prstGeom prst="rect">
            <a:avLst/>
          </a:prstGeom>
          <a:noFill/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Monthly Inbound Call Volumes – Other Languages</a:t>
            </a:r>
          </a:p>
          <a:p>
            <a:r>
              <a:rPr lang="en-US" sz="2000" dirty="0"/>
              <a:t>March 2022 through February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3070700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980902"/>
            <a:ext cx="11286963" cy="503769"/>
          </a:xfrm>
        </p:spPr>
        <p:txBody>
          <a:bodyPr>
            <a:noAutofit/>
          </a:bodyPr>
          <a:lstStyle/>
          <a:p>
            <a:r>
              <a:rPr lang="en-US" sz="3200" dirty="0"/>
              <a:t>Renewal Results, Including Preemptive Recertificatio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AF190B8-3E18-4FBD-8DDB-DF38276EA577}"/>
              </a:ext>
            </a:extLst>
          </p:cNvPr>
          <p:cNvSpPr txBox="1"/>
          <p:nvPr/>
        </p:nvSpPr>
        <p:spPr>
          <a:xfrm>
            <a:off x="793185" y="1642830"/>
            <a:ext cx="10440872" cy="185217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For the period of November 11, 2021, through June 30, 2022,</a:t>
            </a:r>
            <a:r>
              <a:rPr kumimoji="0" lang="en-US" sz="160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 </a:t>
            </a:r>
            <a:r>
              <a:rPr kumimoji="0" lang="en-US" sz="1600" i="0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353,557</a:t>
            </a:r>
            <a:r>
              <a:rPr kumimoji="0" lang="en-US" sz="160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 subscribers were preemptively recertified </a:t>
            </a:r>
          </a:p>
          <a:p>
            <a:pPr marL="0" marR="0" lvl="0" indent="0" algn="l" defTabSz="914400" rtl="0" eaLnBrk="1" fontAlgn="auto" latinLnBrk="0" hangingPunct="1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noProof="0" dirty="0">
                <a:solidFill>
                  <a:schemeClr val="tx2"/>
                </a:solidFill>
                <a:latin typeface="Arial" panose="020B0604020202020204"/>
                <a:cs typeface="Arial" panose="020B0604020202020204" pitchFamily="34" charset="0"/>
              </a:rPr>
              <a:t>For the renewal catchup period of July 1, 2022, through February 19, 2023, renewal approval decisions were registered for 296,076 subscribers </a:t>
            </a:r>
          </a:p>
          <a:p>
            <a:pPr marL="0" marR="0" lvl="0" indent="0" algn="l" defTabSz="914400" rtl="0" eaLnBrk="1" fontAlgn="auto" latinLnBrk="0" hangingPunct="1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78.26% is the final </a:t>
            </a:r>
            <a:r>
              <a:rPr lang="en-US" sz="1600" b="1" dirty="0">
                <a:solidFill>
                  <a:schemeClr val="tx2"/>
                </a:solidFill>
                <a:latin typeface="Arial" panose="020B0604020202020204"/>
                <a:cs typeface="Arial" panose="020B0604020202020204" pitchFamily="34" charset="0"/>
              </a:rPr>
              <a:t>renewal rate for the combined preemptive recertification and renewal catch up period </a:t>
            </a:r>
          </a:p>
          <a:p>
            <a:pPr marL="0" marR="0" lvl="0" indent="0" algn="l" defTabSz="914400" rtl="0" eaLnBrk="1" fontAlgn="auto" latinLnBrk="0" hangingPunct="1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Note: The renewal rate reported during the March 2020 ULTS Administrative Committee Meeting was 49.9%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7408019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980902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Renewal Process Resumption – Statistics and Progres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793185" y="1490196"/>
            <a:ext cx="10379912" cy="471411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November 1, 2022, through March 3, 2023, “Post-Catch Up” Period [Subscribers Active Through Entire Renewal Timeline]: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268,894 renewal processes started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17.17% required Household Worksheets (HHWS)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77.78% “Day 0” CalFresh Confirm PASS rate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  6.20% CalFresh Confirm PASS rate before issuing a soft denial due to nonresponse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cs typeface="Arial" panose="020B0604020202020204" pitchFamily="34" charset="0"/>
              </a:rPr>
              <a:t>  2.62% CalFresh Confirm PASS rate before issuing a hard denial due to nonresponse</a:t>
            </a:r>
          </a:p>
          <a:p>
            <a:pPr marL="742950" lvl="1" indent="-285750">
              <a:spcBef>
                <a:spcPts val="8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Final decisions </a:t>
            </a:r>
          </a:p>
          <a:p>
            <a:pPr marL="1200150" lvl="2" indent="-285750">
              <a:spcBef>
                <a:spcPts val="800"/>
              </a:spcBef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Approved – initial form:          202,022</a:t>
            </a:r>
          </a:p>
          <a:p>
            <a:pPr marL="1200150" lvl="2" indent="-285750">
              <a:spcBef>
                <a:spcPts val="800"/>
              </a:spcBef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Approved – 2nd form:                4,145</a:t>
            </a:r>
          </a:p>
          <a:p>
            <a:pPr marL="1200150" lvl="2" indent="-285750">
              <a:spcBef>
                <a:spcPts val="800"/>
              </a:spcBef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Hard denied – initial form:          2,921</a:t>
            </a:r>
          </a:p>
          <a:p>
            <a:pPr marL="1200150" lvl="2" indent="-285750">
              <a:spcBef>
                <a:spcPts val="800"/>
              </a:spcBef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Hard denied – 2nd form:          32,184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65499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980902"/>
            <a:ext cx="11286963" cy="503769"/>
          </a:xfrm>
        </p:spPr>
        <p:txBody>
          <a:bodyPr>
            <a:noAutofit/>
          </a:bodyPr>
          <a:lstStyle/>
          <a:p>
            <a:r>
              <a:rPr lang="en-US" sz="3200" dirty="0"/>
              <a:t>“Post-Catchup” Renewal Result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AF190B8-3E18-4FBD-8DDB-DF38276EA577}"/>
              </a:ext>
            </a:extLst>
          </p:cNvPr>
          <p:cNvSpPr txBox="1"/>
          <p:nvPr/>
        </p:nvSpPr>
        <p:spPr>
          <a:xfrm>
            <a:off x="793185" y="1642830"/>
            <a:ext cx="10440872" cy="10174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noProof="0" dirty="0">
                <a:solidFill>
                  <a:schemeClr val="tx2"/>
                </a:solidFill>
                <a:latin typeface="Arial" panose="020B0604020202020204"/>
                <a:cs typeface="Arial" panose="020B0604020202020204" pitchFamily="34" charset="0"/>
              </a:rPr>
              <a:t>For the renewal “post-catchup period” of November 1, 2022, through March 3, 2023, renewal processes started for 268,894 subscribers and approval decisions have been registered for 206,167 subscribers </a:t>
            </a:r>
          </a:p>
          <a:p>
            <a:pPr marL="0" marR="0" lvl="0" indent="0" algn="l" defTabSz="914400" rtl="0" eaLnBrk="1" fontAlgn="auto" latinLnBrk="0" hangingPunct="1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76.67% is the </a:t>
            </a:r>
            <a:r>
              <a:rPr lang="en-US" sz="1600" b="1" dirty="0">
                <a:solidFill>
                  <a:schemeClr val="tx2"/>
                </a:solidFill>
                <a:latin typeface="Arial" panose="020B0604020202020204"/>
                <a:cs typeface="Arial" panose="020B0604020202020204" pitchFamily="34" charset="0"/>
              </a:rPr>
              <a:t>renewal rate for this subscriber population, through March 19,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2544229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980902"/>
            <a:ext cx="11286963" cy="503769"/>
          </a:xfrm>
        </p:spPr>
        <p:txBody>
          <a:bodyPr>
            <a:noAutofit/>
          </a:bodyPr>
          <a:lstStyle/>
          <a:p>
            <a:r>
              <a:rPr lang="en-US" sz="3200" dirty="0"/>
              <a:t>CalFresh Confirm Hub Impact - Renewal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AF190B8-3E18-4FBD-8DDB-DF38276EA577}"/>
              </a:ext>
            </a:extLst>
          </p:cNvPr>
          <p:cNvSpPr txBox="1"/>
          <p:nvPr/>
        </p:nvSpPr>
        <p:spPr>
          <a:xfrm>
            <a:off x="793185" y="1498998"/>
            <a:ext cx="10440872" cy="47705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>
              <a:spcBef>
                <a:spcPts val="600"/>
              </a:spcBef>
              <a:spcAft>
                <a:spcPts val="600"/>
              </a:spcAft>
            </a:pPr>
            <a:r>
              <a:rPr lang="en-US" sz="1600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268,894 renewal processes started between 11/1/2022 and 3/3/2023 for subscribers. We do not have results for all these subscribers yet because some are still within their 105-day renewal timelines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600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173,211 subscribers were found in CalFresh Confirm on day 0 and were renewed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600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758 subscribers were found in CalFresh Confirm by the reviewer during the review of their initial renewal forms and were renewed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600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1,498 subscribers were found in CalFresh Confirm before issuing a soft denial for nonresponse to the initial renewal form and were renewed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600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45 subscribers were found in CalFresh Confirm by the reviewer during the review of their second chance renewal forms and were renewed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600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411 subscribers were found in CalFresh Confirm before issuing a final hard denial for nonresponse to the initial renewal form and were renewed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600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175,923 subscribers were renewed based on CalFresh Confirm matches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600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As of 3/19/2023, for this population of subscribers, 206,167 subscribers have been successfully renewed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600" b="1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85.33% </a:t>
            </a:r>
            <a:r>
              <a:rPr lang="en-US" sz="1600" dirty="0">
                <a:solidFill>
                  <a:schemeClr val="tx2"/>
                </a:solidFill>
                <a:effectLst/>
                <a:ea typeface="Times New Roman" panose="02020603050405020304" pitchFamily="18" charset="0"/>
              </a:rPr>
              <a:t>of the subscribers successfully renewed have renewed due to positive CalFresh Confirm match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123939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4" y="783042"/>
            <a:ext cx="9428217" cy="587308"/>
          </a:xfrm>
        </p:spPr>
        <p:txBody>
          <a:bodyPr>
            <a:noAutofit/>
          </a:bodyPr>
          <a:lstStyle/>
          <a:p>
            <a:r>
              <a:rPr lang="en-US" sz="3200" dirty="0"/>
              <a:t>New TPA Contract Deliverable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A8B0728-658B-4444-8652-F4D55563E647}"/>
              </a:ext>
            </a:extLst>
          </p:cNvPr>
          <p:cNvSpPr txBox="1"/>
          <p:nvPr/>
        </p:nvSpPr>
        <p:spPr>
          <a:xfrm>
            <a:off x="793185" y="1370350"/>
            <a:ext cx="9378425" cy="230832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Geocoding</a:t>
            </a:r>
          </a:p>
          <a:p>
            <a:endParaRPr lang="en-US" dirty="0">
              <a:solidFill>
                <a:schemeClr val="tx2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Standalone Household Worksheet Process</a:t>
            </a:r>
          </a:p>
          <a:p>
            <a:endParaRPr lang="en-US" dirty="0">
              <a:solidFill>
                <a:schemeClr val="tx2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Expanded Reporting to the CPUC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>
              <a:solidFill>
                <a:schemeClr val="tx2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Expanded Self-help Options for Service Providers</a:t>
            </a:r>
            <a:r>
              <a:rPr lang="en-US" b="1" dirty="0">
                <a:solidFill>
                  <a:schemeClr val="tx2"/>
                </a:solidFill>
              </a:rPr>
              <a:t> </a:t>
            </a:r>
            <a:r>
              <a:rPr lang="en-US" dirty="0"/>
              <a:t> 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346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4" y="783041"/>
            <a:ext cx="10632462" cy="941255"/>
          </a:xfrm>
        </p:spPr>
        <p:txBody>
          <a:bodyPr>
            <a:noAutofit/>
          </a:bodyPr>
          <a:lstStyle/>
          <a:p>
            <a:r>
              <a:rPr lang="en-US" sz="3200" dirty="0"/>
              <a:t>New TPA Contract Deliverables - Standalone Household Worksheet Process</a:t>
            </a:r>
          </a:p>
          <a:p>
            <a:endParaRPr lang="en-US" sz="32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A8B0728-658B-4444-8652-F4D55563E647}"/>
              </a:ext>
            </a:extLst>
          </p:cNvPr>
          <p:cNvSpPr txBox="1"/>
          <p:nvPr/>
        </p:nvSpPr>
        <p:spPr>
          <a:xfrm>
            <a:off x="793184" y="1724296"/>
            <a:ext cx="9378425" cy="452431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Household worksheets will no longer be a part of the annual renewal form packet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Subscribers’ mid-term service address changes will be evaluated for household worksheet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If a subscriber’s new service address matches the service address of an existing active subscriber, the subscriber whose address has changed must complete a household worksheet 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Subscribers have thirty (30) calendar days to submit completed worksheet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Subscribers may submit completed worksheets to the TPA by mail, through CaliforniaLifeLine.com, through the TPA’s interactive voice response system, and through a Service Provider which uses the Service Provider Intake API (SPIA)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600" b="1" dirty="0">
                <a:solidFill>
                  <a:schemeClr val="tx2"/>
                </a:solidFill>
              </a:rPr>
              <a:t>Benefits: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The LifeLine Administrator is better able to monitor compliance with the “one benefit per economic household” Program rul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Aligns to USAC’s household worksheet approach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More subscribers will be submitted on day 0 for CalFresh Confirm database matching 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9016334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4" y="783041"/>
            <a:ext cx="10632462" cy="941255"/>
          </a:xfrm>
        </p:spPr>
        <p:txBody>
          <a:bodyPr>
            <a:noAutofit/>
          </a:bodyPr>
          <a:lstStyle/>
          <a:p>
            <a:r>
              <a:rPr lang="en-US" sz="3200"/>
              <a:t>New TPA Contract Deliverables – Expanded Reporting</a:t>
            </a:r>
          </a:p>
          <a:p>
            <a:endParaRPr lang="en-US" sz="3200" dirty="0"/>
          </a:p>
        </p:txBody>
      </p:sp>
      <p:graphicFrame>
        <p:nvGraphicFramePr>
          <p:cNvPr id="3" name="TextBox 3">
            <a:extLst>
              <a:ext uri="{FF2B5EF4-FFF2-40B4-BE49-F238E27FC236}">
                <a16:creationId xmlns:a16="http://schemas.microsoft.com/office/drawing/2014/main" id="{A0F0FA2C-99A1-B21B-9218-26350388AF16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691388573"/>
              </p:ext>
            </p:extLst>
          </p:nvPr>
        </p:nvGraphicFramePr>
        <p:xfrm>
          <a:off x="542925" y="1413213"/>
          <a:ext cx="11277594" cy="372049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8844128"/>
      </p:ext>
    </p:extLst>
  </p:cSld>
  <p:clrMapOvr>
    <a:masterClrMapping/>
  </p:clrMapOvr>
</p:sld>
</file>

<file path=ppt/theme/theme1.xml><?xml version="1.0" encoding="utf-8"?>
<a:theme xmlns:a="http://schemas.openxmlformats.org/drawingml/2006/main" name="Maximus-22">
  <a:themeElements>
    <a:clrScheme name="Maximus 22">
      <a:dk1>
        <a:srgbClr val="414141"/>
      </a:dk1>
      <a:lt1>
        <a:srgbClr val="FFFFFF"/>
      </a:lt1>
      <a:dk2>
        <a:srgbClr val="6C489C"/>
      </a:dk2>
      <a:lt2>
        <a:srgbClr val="502E91"/>
      </a:lt2>
      <a:accent1>
        <a:srgbClr val="9F7FC9"/>
      </a:accent1>
      <a:accent2>
        <a:srgbClr val="CBB7E5"/>
      </a:accent2>
      <a:accent3>
        <a:srgbClr val="EBE3F3"/>
      </a:accent3>
      <a:accent4>
        <a:srgbClr val="468C40"/>
      </a:accent4>
      <a:accent5>
        <a:srgbClr val="6177B9"/>
      </a:accent5>
      <a:accent6>
        <a:srgbClr val="7CBE64"/>
      </a:accent6>
      <a:hlink>
        <a:srgbClr val="200649"/>
      </a:hlink>
      <a:folHlink>
        <a:srgbClr val="767676"/>
      </a:folHlink>
    </a:clrScheme>
    <a:fontScheme name="Trinse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>
            <a:lumMod val="95000"/>
          </a:schemeClr>
        </a:solidFill>
        <a:ln>
          <a:noFill/>
        </a:ln>
      </a:spPr>
      <a:bodyPr rtlCol="0" anchor="ctr"/>
      <a:lstStyle>
        <a:defPPr algn="ctr">
          <a:defRPr sz="10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Maximus-22" id="{B5EF012B-ACC9-1449-BD61-29E8FD2A1C41}" vid="{EABC7A0F-6978-6743-BCAA-D589D6D8F4C9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],"transformationConfigurations":[],"templateName":"PowerPoint-Template","templateDescription":"","enableDocumentContentUpdater":false,"version":"2.0"}]]></TemplafyTemplateConfiguration>
</file>

<file path=customXml/item4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87A1B08E6C45B4EB8C40B073BBFD68D" ma:contentTypeVersion="11" ma:contentTypeDescription="Create a new document." ma:contentTypeScope="" ma:versionID="9c078fc66ebc8c3b5d3e8d348228076b">
  <xsd:schema xmlns:xsd="http://www.w3.org/2001/XMLSchema" xmlns:xs="http://www.w3.org/2001/XMLSchema" xmlns:p="http://schemas.microsoft.com/office/2006/metadata/properties" xmlns:ns3="64bed620-86a9-426b-81ad-a74481fd4b72" xmlns:ns4="d08b0760-57dd-437e-be5d-5105d6842521" targetNamespace="http://schemas.microsoft.com/office/2006/metadata/properties" ma:root="true" ma:fieldsID="122db19aa0fd98eecb72fcd9145b8fa2" ns3:_="" ns4:_="">
    <xsd:import namespace="64bed620-86a9-426b-81ad-a74481fd4b72"/>
    <xsd:import namespace="d08b0760-57dd-437e-be5d-5105d6842521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4bed620-86a9-426b-81ad-a74481fd4b7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08b0760-57dd-437e-be5d-5105d6842521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878478851683961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EA9EFE8-435D-4264-9D4E-7E8FA8CEB3FA}">
  <ds:schemaRefs>
    <ds:schemaRef ds:uri="http://purl.org/dc/dcmitype/"/>
    <ds:schemaRef ds:uri="http://purl.org/dc/terms/"/>
    <ds:schemaRef ds:uri="http://www.w3.org/XML/1998/namespace"/>
    <ds:schemaRef ds:uri="http://purl.org/dc/elements/1.1/"/>
    <ds:schemaRef ds:uri="http://schemas.microsoft.com/office/2006/documentManagement/types"/>
    <ds:schemaRef ds:uri="d08b0760-57dd-437e-be5d-5105d6842521"/>
    <ds:schemaRef ds:uri="http://schemas.microsoft.com/office/infopath/2007/PartnerControls"/>
    <ds:schemaRef ds:uri="http://schemas.openxmlformats.org/package/2006/metadata/core-properties"/>
    <ds:schemaRef ds:uri="64bed620-86a9-426b-81ad-a74481fd4b72"/>
    <ds:schemaRef ds:uri="http://schemas.microsoft.com/office/2006/metadata/properties"/>
  </ds:schemaRefs>
</ds:datastoreItem>
</file>

<file path=customXml/itemProps10.xml><?xml version="1.0" encoding="utf-8"?>
<ds:datastoreItem xmlns:ds="http://schemas.openxmlformats.org/officeDocument/2006/customXml" ds:itemID="{30BC5D2B-6291-4228-8E8A-94B4B7287EA8}">
  <ds:schemaRefs/>
</ds:datastoreItem>
</file>

<file path=customXml/itemProps11.xml><?xml version="1.0" encoding="utf-8"?>
<ds:datastoreItem xmlns:ds="http://schemas.openxmlformats.org/officeDocument/2006/customXml" ds:itemID="{60C5D165-A177-4A2D-8B5A-1077AED44FA5}">
  <ds:schemaRefs/>
</ds:datastoreItem>
</file>

<file path=customXml/itemProps12.xml><?xml version="1.0" encoding="utf-8"?>
<ds:datastoreItem xmlns:ds="http://schemas.openxmlformats.org/officeDocument/2006/customXml" ds:itemID="{6E1F1F8A-163C-48D1-AEDE-DCDF0BF382FB}">
  <ds:schemaRefs/>
</ds:datastoreItem>
</file>

<file path=customXml/itemProps13.xml><?xml version="1.0" encoding="utf-8"?>
<ds:datastoreItem xmlns:ds="http://schemas.openxmlformats.org/officeDocument/2006/customXml" ds:itemID="{D8ACA4B0-8EE9-401C-A9C5-DECBED06230B}">
  <ds:schemaRefs/>
</ds:datastoreItem>
</file>

<file path=customXml/itemProps14.xml><?xml version="1.0" encoding="utf-8"?>
<ds:datastoreItem xmlns:ds="http://schemas.openxmlformats.org/officeDocument/2006/customXml" ds:itemID="{EBBCB75D-935A-4F72-9779-61F9EAA2F32C}">
  <ds:schemaRefs/>
</ds:datastoreItem>
</file>

<file path=customXml/itemProps15.xml><?xml version="1.0" encoding="utf-8"?>
<ds:datastoreItem xmlns:ds="http://schemas.openxmlformats.org/officeDocument/2006/customXml" ds:itemID="{F09E7A44-D1CF-4C81-8A4F-FDD3B9F9E553}">
  <ds:schemaRefs/>
</ds:datastoreItem>
</file>

<file path=customXml/itemProps16.xml><?xml version="1.0" encoding="utf-8"?>
<ds:datastoreItem xmlns:ds="http://schemas.openxmlformats.org/officeDocument/2006/customXml" ds:itemID="{ACA278B8-16F6-4A78-95D0-0EF5A17613C2}">
  <ds:schemaRefs/>
</ds:datastoreItem>
</file>

<file path=customXml/itemProps17.xml><?xml version="1.0" encoding="utf-8"?>
<ds:datastoreItem xmlns:ds="http://schemas.openxmlformats.org/officeDocument/2006/customXml" ds:itemID="{821A9BCF-F56E-4797-A820-6E8AA646086E}">
  <ds:schemaRefs/>
</ds:datastoreItem>
</file>

<file path=customXml/itemProps18.xml><?xml version="1.0" encoding="utf-8"?>
<ds:datastoreItem xmlns:ds="http://schemas.openxmlformats.org/officeDocument/2006/customXml" ds:itemID="{7500B966-CCAC-4FCD-A670-E0573EA1FFDA}">
  <ds:schemaRefs/>
</ds:datastoreItem>
</file>

<file path=customXml/itemProps19.xml><?xml version="1.0" encoding="utf-8"?>
<ds:datastoreItem xmlns:ds="http://schemas.openxmlformats.org/officeDocument/2006/customXml" ds:itemID="{15A936E3-A7B5-4BE2-A8B4-24A5C1403383}">
  <ds:schemaRefs/>
</ds:datastoreItem>
</file>

<file path=customXml/itemProps2.xml><?xml version="1.0" encoding="utf-8"?>
<ds:datastoreItem xmlns:ds="http://schemas.openxmlformats.org/officeDocument/2006/customXml" ds:itemID="{A9491512-FD94-4FB0-A3D9-43AAD14981F0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466D806B-8CFF-4927-9A0A-D83AEE1E0B5A}">
  <ds:schemaRefs/>
</ds:datastoreItem>
</file>

<file path=customXml/itemProps21.xml><?xml version="1.0" encoding="utf-8"?>
<ds:datastoreItem xmlns:ds="http://schemas.openxmlformats.org/officeDocument/2006/customXml" ds:itemID="{5465EBD8-B8B6-4F13-B908-51DFF12FE84C}">
  <ds:schemaRefs/>
</ds:datastoreItem>
</file>

<file path=customXml/itemProps22.xml><?xml version="1.0" encoding="utf-8"?>
<ds:datastoreItem xmlns:ds="http://schemas.openxmlformats.org/officeDocument/2006/customXml" ds:itemID="{3C5ACE92-E09E-4C1E-8E63-8A1B7BFAB94A}">
  <ds:schemaRefs/>
</ds:datastoreItem>
</file>

<file path=customXml/itemProps23.xml><?xml version="1.0" encoding="utf-8"?>
<ds:datastoreItem xmlns:ds="http://schemas.openxmlformats.org/officeDocument/2006/customXml" ds:itemID="{69D82CDB-A71B-4CE5-B6BC-3A94634F6829}">
  <ds:schemaRefs/>
</ds:datastoreItem>
</file>

<file path=customXml/itemProps24.xml><?xml version="1.0" encoding="utf-8"?>
<ds:datastoreItem xmlns:ds="http://schemas.openxmlformats.org/officeDocument/2006/customXml" ds:itemID="{D37596D2-6147-4EB3-AB07-41477722C142}">
  <ds:schemaRefs/>
</ds:datastoreItem>
</file>

<file path=customXml/itemProps25.xml><?xml version="1.0" encoding="utf-8"?>
<ds:datastoreItem xmlns:ds="http://schemas.openxmlformats.org/officeDocument/2006/customXml" ds:itemID="{476477DE-7219-4DED-8AD0-C47B165237EB}">
  <ds:schemaRefs/>
</ds:datastoreItem>
</file>

<file path=customXml/itemProps26.xml><?xml version="1.0" encoding="utf-8"?>
<ds:datastoreItem xmlns:ds="http://schemas.openxmlformats.org/officeDocument/2006/customXml" ds:itemID="{93CA535E-0B99-472C-9B3D-A5BEE8430385}">
  <ds:schemaRefs/>
</ds:datastoreItem>
</file>

<file path=customXml/itemProps27.xml><?xml version="1.0" encoding="utf-8"?>
<ds:datastoreItem xmlns:ds="http://schemas.openxmlformats.org/officeDocument/2006/customXml" ds:itemID="{B62792EC-40B1-43DA-9E51-E72572A908CB}">
  <ds:schemaRefs/>
</ds:datastoreItem>
</file>

<file path=customXml/itemProps28.xml><?xml version="1.0" encoding="utf-8"?>
<ds:datastoreItem xmlns:ds="http://schemas.openxmlformats.org/officeDocument/2006/customXml" ds:itemID="{5DE8B174-FA10-42B1-8B05-0CA67F0C5FE1}">
  <ds:schemaRefs/>
</ds:datastoreItem>
</file>

<file path=customXml/itemProps29.xml><?xml version="1.0" encoding="utf-8"?>
<ds:datastoreItem xmlns:ds="http://schemas.openxmlformats.org/officeDocument/2006/customXml" ds:itemID="{BE345EFA-2517-4EC0-A976-21424F4206EB}">
  <ds:schemaRefs/>
</ds:datastoreItem>
</file>

<file path=customXml/itemProps3.xml><?xml version="1.0" encoding="utf-8"?>
<ds:datastoreItem xmlns:ds="http://schemas.openxmlformats.org/officeDocument/2006/customXml" ds:itemID="{2C9624FA-BE37-4338-AFBA-10A015DA315A}">
  <ds:schemaRefs/>
</ds:datastoreItem>
</file>

<file path=customXml/itemProps30.xml><?xml version="1.0" encoding="utf-8"?>
<ds:datastoreItem xmlns:ds="http://schemas.openxmlformats.org/officeDocument/2006/customXml" ds:itemID="{98F2635A-9401-4058-9F42-A90AA0CC82E5}">
  <ds:schemaRefs/>
</ds:datastoreItem>
</file>

<file path=customXml/itemProps31.xml><?xml version="1.0" encoding="utf-8"?>
<ds:datastoreItem xmlns:ds="http://schemas.openxmlformats.org/officeDocument/2006/customXml" ds:itemID="{BF2B9CB4-CDEB-4FF2-81AB-E0FBC3F29959}">
  <ds:schemaRefs/>
</ds:datastoreItem>
</file>

<file path=customXml/itemProps32.xml><?xml version="1.0" encoding="utf-8"?>
<ds:datastoreItem xmlns:ds="http://schemas.openxmlformats.org/officeDocument/2006/customXml" ds:itemID="{358D62D9-E7B8-482F-92DD-29D3FAA035F9}">
  <ds:schemaRefs/>
</ds:datastoreItem>
</file>

<file path=customXml/itemProps33.xml><?xml version="1.0" encoding="utf-8"?>
<ds:datastoreItem xmlns:ds="http://schemas.openxmlformats.org/officeDocument/2006/customXml" ds:itemID="{EA05BED5-AC20-4661-B544-32AA97693438}">
  <ds:schemaRefs/>
</ds:datastoreItem>
</file>

<file path=customXml/itemProps34.xml><?xml version="1.0" encoding="utf-8"?>
<ds:datastoreItem xmlns:ds="http://schemas.openxmlformats.org/officeDocument/2006/customXml" ds:itemID="{F8680162-47D1-4064-A516-A2609545FF1A}">
  <ds:schemaRefs/>
</ds:datastoreItem>
</file>

<file path=customXml/itemProps35.xml><?xml version="1.0" encoding="utf-8"?>
<ds:datastoreItem xmlns:ds="http://schemas.openxmlformats.org/officeDocument/2006/customXml" ds:itemID="{C933C782-22D0-4975-B117-31F87261EE62}">
  <ds:schemaRefs/>
</ds:datastoreItem>
</file>

<file path=customXml/itemProps36.xml><?xml version="1.0" encoding="utf-8"?>
<ds:datastoreItem xmlns:ds="http://schemas.openxmlformats.org/officeDocument/2006/customXml" ds:itemID="{6B43964A-D402-46DB-9192-D22B26B001C1}">
  <ds:schemaRefs/>
</ds:datastoreItem>
</file>

<file path=customXml/itemProps37.xml><?xml version="1.0" encoding="utf-8"?>
<ds:datastoreItem xmlns:ds="http://schemas.openxmlformats.org/officeDocument/2006/customXml" ds:itemID="{8FE1953B-2095-4EF9-BFF4-B7A8AC700EE9}">
  <ds:schemaRefs/>
</ds:datastoreItem>
</file>

<file path=customXml/itemProps38.xml><?xml version="1.0" encoding="utf-8"?>
<ds:datastoreItem xmlns:ds="http://schemas.openxmlformats.org/officeDocument/2006/customXml" ds:itemID="{A098F3CE-032A-4D4F-87C5-B53611BF1A7F}">
  <ds:schemaRefs/>
</ds:datastoreItem>
</file>

<file path=customXml/itemProps39.xml><?xml version="1.0" encoding="utf-8"?>
<ds:datastoreItem xmlns:ds="http://schemas.openxmlformats.org/officeDocument/2006/customXml" ds:itemID="{9671EC5C-A300-405A-87BA-BD843A8EFBAD}">
  <ds:schemaRefs/>
</ds:datastoreItem>
</file>

<file path=customXml/itemProps4.xml><?xml version="1.0" encoding="utf-8"?>
<ds:datastoreItem xmlns:ds="http://schemas.openxmlformats.org/officeDocument/2006/customXml" ds:itemID="{66553269-4FF6-4D45-9727-85E374EDFFA8}">
  <ds:schemaRefs/>
</ds:datastoreItem>
</file>

<file path=customXml/itemProps40.xml><?xml version="1.0" encoding="utf-8"?>
<ds:datastoreItem xmlns:ds="http://schemas.openxmlformats.org/officeDocument/2006/customXml" ds:itemID="{B3DCD8D5-822F-4693-8221-159F02362F5F}">
  <ds:schemaRefs/>
</ds:datastoreItem>
</file>

<file path=customXml/itemProps41.xml><?xml version="1.0" encoding="utf-8"?>
<ds:datastoreItem xmlns:ds="http://schemas.openxmlformats.org/officeDocument/2006/customXml" ds:itemID="{6CDB2BA5-7028-4DDA-BF22-A0AAABFE730E}">
  <ds:schemaRefs/>
</ds:datastoreItem>
</file>

<file path=customXml/itemProps42.xml><?xml version="1.0" encoding="utf-8"?>
<ds:datastoreItem xmlns:ds="http://schemas.openxmlformats.org/officeDocument/2006/customXml" ds:itemID="{5F658EEE-6235-4B09-9CA3-1A12F59B3917}">
  <ds:schemaRefs/>
</ds:datastoreItem>
</file>

<file path=customXml/itemProps43.xml><?xml version="1.0" encoding="utf-8"?>
<ds:datastoreItem xmlns:ds="http://schemas.openxmlformats.org/officeDocument/2006/customXml" ds:itemID="{76FF478C-EBC1-46D7-ADDA-1ACE9F3EEFFA}">
  <ds:schemaRefs/>
</ds:datastoreItem>
</file>

<file path=customXml/itemProps44.xml><?xml version="1.0" encoding="utf-8"?>
<ds:datastoreItem xmlns:ds="http://schemas.openxmlformats.org/officeDocument/2006/customXml" ds:itemID="{672DA79E-AA62-42FA-B34B-1B158753B0A5}">
  <ds:schemaRefs/>
</ds:datastoreItem>
</file>

<file path=customXml/itemProps45.xml><?xml version="1.0" encoding="utf-8"?>
<ds:datastoreItem xmlns:ds="http://schemas.openxmlformats.org/officeDocument/2006/customXml" ds:itemID="{1B60E64A-18E1-48A6-83FF-5B0D2D66A292}">
  <ds:schemaRefs/>
</ds:datastoreItem>
</file>

<file path=customXml/itemProps46.xml><?xml version="1.0" encoding="utf-8"?>
<ds:datastoreItem xmlns:ds="http://schemas.openxmlformats.org/officeDocument/2006/customXml" ds:itemID="{50D19462-7BE4-49EF-ACAD-55755F3ED23B}">
  <ds:schemaRefs/>
</ds:datastoreItem>
</file>

<file path=customXml/itemProps47.xml><?xml version="1.0" encoding="utf-8"?>
<ds:datastoreItem xmlns:ds="http://schemas.openxmlformats.org/officeDocument/2006/customXml" ds:itemID="{5FD26C96-0520-466A-BA69-28D822A9AEEF}">
  <ds:schemaRefs/>
</ds:datastoreItem>
</file>

<file path=customXml/itemProps48.xml><?xml version="1.0" encoding="utf-8"?>
<ds:datastoreItem xmlns:ds="http://schemas.openxmlformats.org/officeDocument/2006/customXml" ds:itemID="{64B7CA21-5B42-4DD5-9D36-5F9A657A5E4C}">
  <ds:schemaRefs/>
</ds:datastoreItem>
</file>

<file path=customXml/itemProps49.xml><?xml version="1.0" encoding="utf-8"?>
<ds:datastoreItem xmlns:ds="http://schemas.openxmlformats.org/officeDocument/2006/customXml" ds:itemID="{20852C27-B4B2-4002-AC6A-E27C121C8B5D}">
  <ds:schemaRefs/>
</ds:datastoreItem>
</file>

<file path=customXml/itemProps5.xml><?xml version="1.0" encoding="utf-8"?>
<ds:datastoreItem xmlns:ds="http://schemas.openxmlformats.org/officeDocument/2006/customXml" ds:itemID="{DA1955B8-8BF6-4A61-B82D-7A963C4B334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4bed620-86a9-426b-81ad-a74481fd4b72"/>
    <ds:schemaRef ds:uri="d08b0760-57dd-437e-be5d-5105d684252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47C1C4D1-2AA0-4E2D-9B5F-D6FD321DB166}">
  <ds:schemaRefs/>
</ds:datastoreItem>
</file>

<file path=customXml/itemProps7.xml><?xml version="1.0" encoding="utf-8"?>
<ds:datastoreItem xmlns:ds="http://schemas.openxmlformats.org/officeDocument/2006/customXml" ds:itemID="{2F91A98B-433B-412D-8A70-96F9008AB9F3}">
  <ds:schemaRefs/>
</ds:datastoreItem>
</file>

<file path=customXml/itemProps8.xml><?xml version="1.0" encoding="utf-8"?>
<ds:datastoreItem xmlns:ds="http://schemas.openxmlformats.org/officeDocument/2006/customXml" ds:itemID="{87D33864-CDDE-4DE1-8422-C71AF6E5A4D4}">
  <ds:schemaRefs/>
</ds:datastoreItem>
</file>

<file path=customXml/itemProps9.xml><?xml version="1.0" encoding="utf-8"?>
<ds:datastoreItem xmlns:ds="http://schemas.openxmlformats.org/officeDocument/2006/customXml" ds:itemID="{F3C553D9-8148-48F2-8AE6-BE8D15D17F8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309</TotalTime>
  <Words>1446</Words>
  <Application>Microsoft Office PowerPoint</Application>
  <PresentationFormat>Widescreen</PresentationFormat>
  <Paragraphs>323</Paragraphs>
  <Slides>2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8" baseType="lpstr">
      <vt:lpstr>Arial</vt:lpstr>
      <vt:lpstr>Avenir Next</vt:lpstr>
      <vt:lpstr>Calibri</vt:lpstr>
      <vt:lpstr>Symbol</vt:lpstr>
      <vt:lpstr>Wingdings</vt:lpstr>
      <vt:lpstr>Maximus-22</vt:lpstr>
      <vt:lpstr>California LifeLine Third Party Administrator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Wireless: Response &amp; Approval Rates – All Form Types</vt:lpstr>
      <vt:lpstr>Wireline: Response &amp; Approval Rates – All Form Types</vt:lpstr>
      <vt:lpstr>PowerPoint Presentation</vt:lpstr>
      <vt:lpstr>Top 5 Service Providers by Subscriber Counts</vt:lpstr>
      <vt:lpstr>Enrollment Eligibility Methods – Program versus Income</vt:lpstr>
      <vt:lpstr>PowerPoint Presentation</vt:lpstr>
      <vt:lpstr>Enrollment Application Volume By Received Channel March 2022 through February 2023</vt:lpstr>
      <vt:lpstr>PowerPoint Presentation</vt:lpstr>
      <vt:lpstr>Monthly Inbound Call Volumes – English &amp; Spanish March 2022 through February 2023</vt:lpstr>
      <vt:lpstr>Monthly Inbound Call Volumes – Other Languages March 2022 through February 2023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Graettinger, James R</dc:creator>
  <cp:lastModifiedBy>Graettinger, James R</cp:lastModifiedBy>
  <cp:revision>63</cp:revision>
  <dcterms:created xsi:type="dcterms:W3CDTF">2022-06-20T13:30:03Z</dcterms:created>
  <dcterms:modified xsi:type="dcterms:W3CDTF">2023-03-22T13:49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87A1B08E6C45B4EB8C40B073BBFD68D</vt:lpwstr>
  </property>
  <property fmtid="{D5CDD505-2E9C-101B-9397-08002B2CF9AE}" pid="3" name="TemplafyTimeStamp">
    <vt:lpwstr>2022-05-11T06:38:05</vt:lpwstr>
  </property>
  <property fmtid="{D5CDD505-2E9C-101B-9397-08002B2CF9AE}" pid="4" name="TemplafyTenantId">
    <vt:lpwstr>maximus</vt:lpwstr>
  </property>
  <property fmtid="{D5CDD505-2E9C-101B-9397-08002B2CF9AE}" pid="5" name="TemplafyTemplateId">
    <vt:lpwstr>637878478838814905</vt:lpwstr>
  </property>
  <property fmtid="{D5CDD505-2E9C-101B-9397-08002B2CF9AE}" pid="6" name="TemplafyUserProfileId">
    <vt:lpwstr>637878257776275529</vt:lpwstr>
  </property>
  <property fmtid="{D5CDD505-2E9C-101B-9397-08002B2CF9AE}" pid="7" name="TemplafyFromBlank">
    <vt:bool>false</vt:bool>
  </property>
</Properties>
</file>